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J:\s1\【仮設】官民連携推進係\01 大沢野・大山地域LP\14　募集要項等\01 大沢野\04 様式集及び作成要領\"/>
    </mc:Choice>
  </mc:AlternateContent>
  <bookViews>
    <workbookView xWindow="-108" yWindow="-108" windowWidth="23256" windowHeight="12576" tabRatio="413"/>
  </bookViews>
  <sheets>
    <sheet name="備品等リスト_（仮称）大沢野行政サービスセンター " sheetId="4" r:id="rId1"/>
    <sheet name="備品等リスト_（仮称）大沢野行政サービスセンター別館" sheetId="3" r:id="rId2"/>
  </sheets>
  <definedNames>
    <definedName name="_xlnm.Print_Area" localSheetId="0">'備品等リスト_（仮称）大沢野行政サービスセンター '!$A$1:$K$144</definedName>
    <definedName name="_xlnm.Print_Area" localSheetId="1">'備品等リスト_（仮称）大沢野行政サービスセンター別館'!$A$1:$K$21</definedName>
    <definedName name="_xlnm.Print_Titles" localSheetId="1">'備品等リスト_（仮称）大沢野行政サービスセンター別館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5" uniqueCount="157">
  <si>
    <t>諸室名称</t>
    <phoneticPr fontId="1"/>
  </si>
  <si>
    <t>数量</t>
    <phoneticPr fontId="1"/>
  </si>
  <si>
    <t>備考</t>
    <phoneticPr fontId="1"/>
  </si>
  <si>
    <t>単位</t>
    <phoneticPr fontId="1"/>
  </si>
  <si>
    <t>品　　名</t>
    <phoneticPr fontId="1"/>
  </si>
  <si>
    <t>　　　　</t>
    <phoneticPr fontId="1"/>
  </si>
  <si>
    <t>規格・仕様</t>
    <rPh sb="0" eb="2">
      <t>キカク</t>
    </rPh>
    <rPh sb="3" eb="5">
      <t>シヨウ</t>
    </rPh>
    <phoneticPr fontId="1"/>
  </si>
  <si>
    <t>単価</t>
    <rPh sb="0" eb="2">
      <t>タンカ</t>
    </rPh>
    <phoneticPr fontId="1"/>
  </si>
  <si>
    <t>金額</t>
    <rPh sb="0" eb="2">
      <t>キンガク</t>
    </rPh>
    <phoneticPr fontId="1"/>
  </si>
  <si>
    <t>備品等リスト</t>
    <rPh sb="0" eb="3">
      <t>ビヒンナド</t>
    </rPh>
    <phoneticPr fontId="1"/>
  </si>
  <si>
    <t>※数量の記載なき場合、事業者にて提案とする。</t>
    <rPh sb="1" eb="3">
      <t>スウリョウ</t>
    </rPh>
    <rPh sb="4" eb="6">
      <t>キサイ</t>
    </rPh>
    <rPh sb="8" eb="10">
      <t>バアイ</t>
    </rPh>
    <rPh sb="11" eb="14">
      <t>ジギョウシャ</t>
    </rPh>
    <rPh sb="16" eb="18">
      <t>テイアン</t>
    </rPh>
    <phoneticPr fontId="1"/>
  </si>
  <si>
    <t>時計</t>
    <rPh sb="0" eb="2">
      <t>トケイ</t>
    </rPh>
    <phoneticPr fontId="1"/>
  </si>
  <si>
    <t>合計金額</t>
    <rPh sb="0" eb="2">
      <t>ゴウケイ</t>
    </rPh>
    <rPh sb="2" eb="4">
      <t>キンガク</t>
    </rPh>
    <phoneticPr fontId="1"/>
  </si>
  <si>
    <t>※記載欄が足りない場合は、適宜行を追加すること。</t>
    <rPh sb="1" eb="3">
      <t>キサイ</t>
    </rPh>
    <rPh sb="3" eb="4">
      <t>ラン</t>
    </rPh>
    <rPh sb="15" eb="16">
      <t>ギョウ</t>
    </rPh>
    <phoneticPr fontId="1"/>
  </si>
  <si>
    <t>【行政サービスセンター】</t>
    <rPh sb="1" eb="3">
      <t>ギョウセイ</t>
    </rPh>
    <phoneticPr fontId="1"/>
  </si>
  <si>
    <t>執務室</t>
    <rPh sb="0" eb="3">
      <t>シツムシツ</t>
    </rPh>
    <phoneticPr fontId="1"/>
  </si>
  <si>
    <t>受付カウンター用椅子</t>
    <rPh sb="0" eb="2">
      <t>ウケツケ</t>
    </rPh>
    <rPh sb="7" eb="8">
      <t>ヨウ</t>
    </rPh>
    <rPh sb="8" eb="10">
      <t>イス</t>
    </rPh>
    <phoneticPr fontId="1"/>
  </si>
  <si>
    <t>アンプ</t>
  </si>
  <si>
    <t>テープレコーダー</t>
  </si>
  <si>
    <t>マイク</t>
  </si>
  <si>
    <t>プログラムタイマー親時計</t>
    <rPh sb="9" eb="10">
      <t>オヤ</t>
    </rPh>
    <rPh sb="10" eb="12">
      <t>トケイ</t>
    </rPh>
    <phoneticPr fontId="1"/>
  </si>
  <si>
    <t>申請書等記載台</t>
    <rPh sb="0" eb="3">
      <t>シンセイショ</t>
    </rPh>
    <rPh sb="3" eb="4">
      <t>トウ</t>
    </rPh>
    <rPh sb="4" eb="6">
      <t>キサイ</t>
    </rPh>
    <rPh sb="6" eb="7">
      <t>ダイ</t>
    </rPh>
    <phoneticPr fontId="1"/>
  </si>
  <si>
    <t>待合用ソファ</t>
    <rPh sb="0" eb="3">
      <t>マチアイヨウ</t>
    </rPh>
    <phoneticPr fontId="1"/>
  </si>
  <si>
    <t>（総務課）</t>
    <rPh sb="1" eb="4">
      <t>ソウムカ</t>
    </rPh>
    <phoneticPr fontId="1"/>
  </si>
  <si>
    <t>（市民生活課）</t>
    <rPh sb="1" eb="5">
      <t>シミンセイカツ</t>
    </rPh>
    <phoneticPr fontId="1"/>
  </si>
  <si>
    <t>（地域福祉課）</t>
    <rPh sb="1" eb="3">
      <t>チイキ</t>
    </rPh>
    <rPh sb="3" eb="5">
      <t>フクシ</t>
    </rPh>
    <rPh sb="5" eb="6">
      <t>カ</t>
    </rPh>
    <phoneticPr fontId="1"/>
  </si>
  <si>
    <t>（教育行政センター）</t>
    <rPh sb="1" eb="3">
      <t>キョウイク</t>
    </rPh>
    <rPh sb="3" eb="5">
      <t>ギョウセイ</t>
    </rPh>
    <phoneticPr fontId="1"/>
  </si>
  <si>
    <t>（保健福祉センター）</t>
    <rPh sb="1" eb="3">
      <t>ホケン</t>
    </rPh>
    <rPh sb="3" eb="5">
      <t>フクシ</t>
    </rPh>
    <phoneticPr fontId="1"/>
  </si>
  <si>
    <t>相談室1</t>
    <rPh sb="0" eb="3">
      <t>ソウダンシツ</t>
    </rPh>
    <phoneticPr fontId="1"/>
  </si>
  <si>
    <t>相談室2</t>
    <rPh sb="0" eb="3">
      <t>ソウダンシツ</t>
    </rPh>
    <phoneticPr fontId="1"/>
  </si>
  <si>
    <t>診察室1</t>
    <rPh sb="0" eb="2">
      <t>シンサツ</t>
    </rPh>
    <rPh sb="2" eb="3">
      <t>シツ</t>
    </rPh>
    <phoneticPr fontId="1"/>
  </si>
  <si>
    <t>診察室2</t>
    <rPh sb="0" eb="2">
      <t>シンサツ</t>
    </rPh>
    <rPh sb="2" eb="3">
      <t>シツ</t>
    </rPh>
    <phoneticPr fontId="1"/>
  </si>
  <si>
    <t>多目的室</t>
    <rPh sb="0" eb="3">
      <t>タモクテキ</t>
    </rPh>
    <rPh sb="3" eb="4">
      <t>シツ</t>
    </rPh>
    <phoneticPr fontId="1"/>
  </si>
  <si>
    <t>倉庫</t>
    <rPh sb="0" eb="2">
      <t>ソウコ</t>
    </rPh>
    <phoneticPr fontId="1"/>
  </si>
  <si>
    <t>給湯室</t>
    <rPh sb="0" eb="3">
      <t>キュウトウシツ</t>
    </rPh>
    <phoneticPr fontId="1"/>
  </si>
  <si>
    <t>倉庫・書庫</t>
    <rPh sb="0" eb="2">
      <t>ソウコ</t>
    </rPh>
    <rPh sb="3" eb="5">
      <t>ショコ</t>
    </rPh>
    <phoneticPr fontId="1"/>
  </si>
  <si>
    <t>相談用机</t>
    <rPh sb="0" eb="2">
      <t>ソウダン</t>
    </rPh>
    <rPh sb="2" eb="3">
      <t>ヨウ</t>
    </rPh>
    <rPh sb="3" eb="4">
      <t>ツクエ</t>
    </rPh>
    <phoneticPr fontId="1"/>
  </si>
  <si>
    <t>相談用椅子</t>
    <rPh sb="0" eb="2">
      <t>ソウダン</t>
    </rPh>
    <rPh sb="2" eb="3">
      <t>ヨウ</t>
    </rPh>
    <rPh sb="3" eb="5">
      <t>イス</t>
    </rPh>
    <phoneticPr fontId="1"/>
  </si>
  <si>
    <t>電話</t>
    <rPh sb="0" eb="2">
      <t>デンワ</t>
    </rPh>
    <phoneticPr fontId="1"/>
  </si>
  <si>
    <t>背もたれ付き椅子</t>
    <rPh sb="0" eb="1">
      <t>セ</t>
    </rPh>
    <rPh sb="4" eb="5">
      <t>ツ</t>
    </rPh>
    <rPh sb="6" eb="8">
      <t>イス</t>
    </rPh>
    <phoneticPr fontId="1"/>
  </si>
  <si>
    <t>キャスター付き椅子</t>
    <rPh sb="5" eb="6">
      <t>ツ</t>
    </rPh>
    <rPh sb="7" eb="9">
      <t>イス</t>
    </rPh>
    <phoneticPr fontId="1"/>
  </si>
  <si>
    <t>丸椅子</t>
    <rPh sb="0" eb="1">
      <t>マル</t>
    </rPh>
    <rPh sb="1" eb="3">
      <t>イス</t>
    </rPh>
    <phoneticPr fontId="1"/>
  </si>
  <si>
    <t>片袖机</t>
    <rPh sb="0" eb="2">
      <t>カタソデ</t>
    </rPh>
    <rPh sb="2" eb="3">
      <t>ツクエ</t>
    </rPh>
    <phoneticPr fontId="1"/>
  </si>
  <si>
    <t>小児科診察台</t>
    <rPh sb="0" eb="3">
      <t>ショウニカ</t>
    </rPh>
    <rPh sb="3" eb="5">
      <t>シンサツ</t>
    </rPh>
    <rPh sb="5" eb="6">
      <t>ダイ</t>
    </rPh>
    <phoneticPr fontId="1"/>
  </si>
  <si>
    <t>ステンレスワゴン</t>
  </si>
  <si>
    <t>待合用長椅子</t>
    <rPh sb="0" eb="2">
      <t>マチアイ</t>
    </rPh>
    <rPh sb="2" eb="3">
      <t>ヨウ</t>
    </rPh>
    <rPh sb="3" eb="6">
      <t>ナガイス</t>
    </rPh>
    <phoneticPr fontId="1"/>
  </si>
  <si>
    <t>机</t>
    <rPh sb="0" eb="1">
      <t>ツクエ</t>
    </rPh>
    <phoneticPr fontId="1"/>
  </si>
  <si>
    <t>椅子</t>
    <rPh sb="0" eb="2">
      <t>イス</t>
    </rPh>
    <phoneticPr fontId="1"/>
  </si>
  <si>
    <t>プロジェクター</t>
  </si>
  <si>
    <t>スクリーン</t>
  </si>
  <si>
    <t>ホワイトボード</t>
  </si>
  <si>
    <t>壁掛け時計</t>
    <rPh sb="0" eb="2">
      <t>カベカ</t>
    </rPh>
    <rPh sb="3" eb="5">
      <t>トケイ</t>
    </rPh>
    <phoneticPr fontId="1"/>
  </si>
  <si>
    <t>本棚</t>
    <rPh sb="0" eb="2">
      <t>ホンダナ</t>
    </rPh>
    <phoneticPr fontId="1"/>
  </si>
  <si>
    <t>掲示板</t>
    <rPh sb="0" eb="3">
      <t>ケイジバン</t>
    </rPh>
    <phoneticPr fontId="1"/>
  </si>
  <si>
    <t>移動式柵</t>
    <rPh sb="0" eb="2">
      <t>イドウ</t>
    </rPh>
    <rPh sb="2" eb="3">
      <t>シキ</t>
    </rPh>
    <rPh sb="3" eb="4">
      <t>サク</t>
    </rPh>
    <phoneticPr fontId="1"/>
  </si>
  <si>
    <t>ワイヤレスマイク</t>
  </si>
  <si>
    <t>スピーカー</t>
  </si>
  <si>
    <t>アクリルケース（キャスター付き）</t>
    <rPh sb="13" eb="14">
      <t>ツ</t>
    </rPh>
    <phoneticPr fontId="1"/>
  </si>
  <si>
    <t>下足箱（24人以上用）</t>
    <rPh sb="0" eb="2">
      <t>ゲソク</t>
    </rPh>
    <rPh sb="2" eb="3">
      <t>バコ</t>
    </rPh>
    <rPh sb="6" eb="7">
      <t>ニン</t>
    </rPh>
    <rPh sb="7" eb="9">
      <t>イジョウ</t>
    </rPh>
    <rPh sb="9" eb="10">
      <t>ヨウ</t>
    </rPh>
    <phoneticPr fontId="1"/>
  </si>
  <si>
    <t>整理棚（3段）</t>
    <rPh sb="0" eb="2">
      <t>セイリ</t>
    </rPh>
    <rPh sb="2" eb="3">
      <t>ダナ</t>
    </rPh>
    <rPh sb="5" eb="6">
      <t>ダン</t>
    </rPh>
    <phoneticPr fontId="1"/>
  </si>
  <si>
    <t>冷凍冷蔵庫</t>
    <rPh sb="0" eb="2">
      <t>レイトウ</t>
    </rPh>
    <rPh sb="2" eb="5">
      <t>レイゾウコ</t>
    </rPh>
    <phoneticPr fontId="1"/>
  </si>
  <si>
    <t>【地域交流センター】</t>
    <rPh sb="1" eb="3">
      <t>チイキ</t>
    </rPh>
    <rPh sb="3" eb="5">
      <t>コウリュウ</t>
    </rPh>
    <phoneticPr fontId="1"/>
  </si>
  <si>
    <t>会議室等</t>
    <rPh sb="0" eb="3">
      <t>カイギシツ</t>
    </rPh>
    <rPh sb="3" eb="4">
      <t>トウ</t>
    </rPh>
    <phoneticPr fontId="1"/>
  </si>
  <si>
    <t>大会議室</t>
    <rPh sb="0" eb="1">
      <t>ダイ</t>
    </rPh>
    <phoneticPr fontId="1"/>
  </si>
  <si>
    <t>小会議室</t>
  </si>
  <si>
    <t>和室</t>
    <rPh sb="0" eb="2">
      <t>ワシツ</t>
    </rPh>
    <phoneticPr fontId="1"/>
  </si>
  <si>
    <t>調理実習室</t>
  </si>
  <si>
    <t>事務室</t>
    <rPh sb="0" eb="3">
      <t>ジムシツ</t>
    </rPh>
    <phoneticPr fontId="1"/>
  </si>
  <si>
    <t>（生涯学習センター）</t>
    <rPh sb="1" eb="5">
      <t>ショウガイガクシュウ</t>
    </rPh>
    <phoneticPr fontId="1"/>
  </si>
  <si>
    <t>演台</t>
    <rPh sb="0" eb="2">
      <t>エンダイ</t>
    </rPh>
    <phoneticPr fontId="1"/>
  </si>
  <si>
    <t>司会台</t>
    <rPh sb="0" eb="2">
      <t>シカイ</t>
    </rPh>
    <rPh sb="2" eb="3">
      <t>ダイ</t>
    </rPh>
    <phoneticPr fontId="1"/>
  </si>
  <si>
    <t>花台</t>
    <rPh sb="0" eb="2">
      <t>カダイ</t>
    </rPh>
    <phoneticPr fontId="1"/>
  </si>
  <si>
    <t>マイクスタンド</t>
  </si>
  <si>
    <t>音響設備収納用ラック</t>
    <rPh sb="0" eb="2">
      <t>オンキョウ</t>
    </rPh>
    <rPh sb="2" eb="4">
      <t>セツビ</t>
    </rPh>
    <rPh sb="4" eb="6">
      <t>シュウノウ</t>
    </rPh>
    <rPh sb="6" eb="7">
      <t>ヨウ</t>
    </rPh>
    <phoneticPr fontId="1"/>
  </si>
  <si>
    <t>バレーボール用支柱及びネット</t>
    <rPh sb="6" eb="7">
      <t>ヨウ</t>
    </rPh>
    <rPh sb="7" eb="9">
      <t>シチュウ</t>
    </rPh>
    <rPh sb="9" eb="10">
      <t>オヨ</t>
    </rPh>
    <phoneticPr fontId="1"/>
  </si>
  <si>
    <t>バトミントン用支柱及びネット</t>
    <rPh sb="6" eb="7">
      <t>ヨウ</t>
    </rPh>
    <rPh sb="7" eb="9">
      <t>シチュウ</t>
    </rPh>
    <rPh sb="9" eb="10">
      <t>オヨ</t>
    </rPh>
    <phoneticPr fontId="1"/>
  </si>
  <si>
    <t>フレッシュテニス用支柱及びネット</t>
    <rPh sb="8" eb="9">
      <t>ヨウ</t>
    </rPh>
    <rPh sb="9" eb="11">
      <t>シチュウ</t>
    </rPh>
    <rPh sb="11" eb="12">
      <t>オヨ</t>
    </rPh>
    <phoneticPr fontId="1"/>
  </si>
  <si>
    <t>卓球台</t>
    <rPh sb="0" eb="2">
      <t>タッキュウ</t>
    </rPh>
    <rPh sb="2" eb="3">
      <t>ダイ</t>
    </rPh>
    <phoneticPr fontId="1"/>
  </si>
  <si>
    <t>座卓（折り畳み式）</t>
    <rPh sb="0" eb="2">
      <t>ザタク</t>
    </rPh>
    <rPh sb="7" eb="8">
      <t>シキ</t>
    </rPh>
    <phoneticPr fontId="1"/>
  </si>
  <si>
    <t>座布団</t>
    <rPh sb="0" eb="3">
      <t>ザブトン</t>
    </rPh>
    <phoneticPr fontId="1"/>
  </si>
  <si>
    <t>自動手洗消毒器</t>
    <rPh sb="0" eb="2">
      <t>ジドウ</t>
    </rPh>
    <rPh sb="2" eb="4">
      <t>テアラ</t>
    </rPh>
    <rPh sb="4" eb="6">
      <t>ショウドク</t>
    </rPh>
    <rPh sb="6" eb="7">
      <t>キ</t>
    </rPh>
    <phoneticPr fontId="1"/>
  </si>
  <si>
    <t>洗濯機</t>
    <rPh sb="0" eb="3">
      <t>センタクキ</t>
    </rPh>
    <phoneticPr fontId="1"/>
  </si>
  <si>
    <t>包丁まな板殺菌庫</t>
    <rPh sb="0" eb="2">
      <t>ホウチョウ</t>
    </rPh>
    <rPh sb="4" eb="5">
      <t>イタ</t>
    </rPh>
    <rPh sb="5" eb="7">
      <t>サッキン</t>
    </rPh>
    <rPh sb="7" eb="8">
      <t>コ</t>
    </rPh>
    <phoneticPr fontId="1"/>
  </si>
  <si>
    <t>置台</t>
    <rPh sb="0" eb="1">
      <t>オ</t>
    </rPh>
    <rPh sb="1" eb="2">
      <t>ダイ</t>
    </rPh>
    <phoneticPr fontId="1"/>
  </si>
  <si>
    <t>カート</t>
  </si>
  <si>
    <t>炊飯ジャー（1升炊き）</t>
    <rPh sb="0" eb="2">
      <t>スイハン</t>
    </rPh>
    <rPh sb="7" eb="8">
      <t>ショウ</t>
    </rPh>
    <rPh sb="8" eb="9">
      <t>ダ</t>
    </rPh>
    <phoneticPr fontId="1"/>
  </si>
  <si>
    <t>炊飯ジャー（3升炊き）</t>
    <rPh sb="0" eb="2">
      <t>スイハン</t>
    </rPh>
    <rPh sb="7" eb="8">
      <t>ショウ</t>
    </rPh>
    <rPh sb="8" eb="9">
      <t>タ</t>
    </rPh>
    <phoneticPr fontId="1"/>
  </si>
  <si>
    <t>掃除用具ロッカー</t>
    <rPh sb="0" eb="2">
      <t>ソウジ</t>
    </rPh>
    <rPh sb="2" eb="4">
      <t>ヨウグ</t>
    </rPh>
    <phoneticPr fontId="1"/>
  </si>
  <si>
    <t>打合せテーブル</t>
    <rPh sb="0" eb="2">
      <t>ウチアワ</t>
    </rPh>
    <phoneticPr fontId="1"/>
  </si>
  <si>
    <t>打合せテーブル用椅子</t>
    <rPh sb="0" eb="2">
      <t>ウチアワ</t>
    </rPh>
    <rPh sb="7" eb="8">
      <t>ヨウ</t>
    </rPh>
    <rPh sb="8" eb="10">
      <t>イス</t>
    </rPh>
    <phoneticPr fontId="1"/>
  </si>
  <si>
    <t>【図書館】</t>
    <rPh sb="1" eb="4">
      <t>トショカン</t>
    </rPh>
    <phoneticPr fontId="1"/>
  </si>
  <si>
    <t>開架室</t>
  </si>
  <si>
    <t>書庫</t>
  </si>
  <si>
    <t>一般書架</t>
    <rPh sb="0" eb="2">
      <t>イッパン</t>
    </rPh>
    <rPh sb="2" eb="4">
      <t>ショカ</t>
    </rPh>
    <phoneticPr fontId="1"/>
  </si>
  <si>
    <t>児童書架</t>
    <rPh sb="0" eb="2">
      <t>ジドウ</t>
    </rPh>
    <rPh sb="2" eb="4">
      <t>ショカ</t>
    </rPh>
    <phoneticPr fontId="1"/>
  </si>
  <si>
    <t>絵本架</t>
    <rPh sb="0" eb="2">
      <t>エホン</t>
    </rPh>
    <rPh sb="2" eb="3">
      <t>カ</t>
    </rPh>
    <phoneticPr fontId="1"/>
  </si>
  <si>
    <t>紙芝居架</t>
    <rPh sb="0" eb="3">
      <t>カミシバイ</t>
    </rPh>
    <rPh sb="3" eb="4">
      <t>カ</t>
    </rPh>
    <phoneticPr fontId="1"/>
  </si>
  <si>
    <t>雑誌架</t>
    <rPh sb="0" eb="2">
      <t>ザッシ</t>
    </rPh>
    <rPh sb="2" eb="3">
      <t>カ</t>
    </rPh>
    <phoneticPr fontId="1"/>
  </si>
  <si>
    <t>住宅地図用</t>
    <rPh sb="0" eb="2">
      <t>ジュウタク</t>
    </rPh>
    <rPh sb="2" eb="4">
      <t>チズ</t>
    </rPh>
    <rPh sb="4" eb="5">
      <t>ヨウ</t>
    </rPh>
    <phoneticPr fontId="1"/>
  </si>
  <si>
    <t>展示用書架</t>
    <rPh sb="0" eb="3">
      <t>テンジヨウ</t>
    </rPh>
    <rPh sb="3" eb="5">
      <t>ショカ</t>
    </rPh>
    <phoneticPr fontId="1"/>
  </si>
  <si>
    <t>新聞架</t>
    <rPh sb="0" eb="2">
      <t>シンブン</t>
    </rPh>
    <rPh sb="2" eb="3">
      <t>カ</t>
    </rPh>
    <phoneticPr fontId="1"/>
  </si>
  <si>
    <t>閲覧台</t>
    <rPh sb="0" eb="2">
      <t>エツラン</t>
    </rPh>
    <rPh sb="2" eb="3">
      <t>ダイ</t>
    </rPh>
    <phoneticPr fontId="1"/>
  </si>
  <si>
    <t>収納棚</t>
    <rPh sb="0" eb="2">
      <t>シュウノウ</t>
    </rPh>
    <rPh sb="2" eb="3">
      <t>タナ</t>
    </rPh>
    <phoneticPr fontId="1"/>
  </si>
  <si>
    <t>椅子やソファなど</t>
    <rPh sb="0" eb="2">
      <t>イス</t>
    </rPh>
    <phoneticPr fontId="1"/>
  </si>
  <si>
    <t>児童用テーブル</t>
    <rPh sb="0" eb="3">
      <t>ジドウヨウ</t>
    </rPh>
    <phoneticPr fontId="1"/>
  </si>
  <si>
    <t>児童用椅子</t>
    <rPh sb="0" eb="3">
      <t>ジドウヨウ</t>
    </rPh>
    <rPh sb="3" eb="5">
      <t>イス</t>
    </rPh>
    <phoneticPr fontId="1"/>
  </si>
  <si>
    <t>チラシ架</t>
    <rPh sb="3" eb="4">
      <t>カ</t>
    </rPh>
    <phoneticPr fontId="1"/>
  </si>
  <si>
    <t>自動貸出機</t>
    <rPh sb="0" eb="2">
      <t>ジドウ</t>
    </rPh>
    <rPh sb="2" eb="4">
      <t>カシダシ</t>
    </rPh>
    <rPh sb="4" eb="5">
      <t>キ</t>
    </rPh>
    <phoneticPr fontId="1"/>
  </si>
  <si>
    <t>ブックトラック</t>
  </si>
  <si>
    <t>固定書架（大型書籍用）</t>
    <rPh sb="0" eb="2">
      <t>コテイ</t>
    </rPh>
    <rPh sb="2" eb="4">
      <t>ショカ</t>
    </rPh>
    <rPh sb="5" eb="7">
      <t>オオガタ</t>
    </rPh>
    <rPh sb="7" eb="9">
      <t>ショセキ</t>
    </rPh>
    <rPh sb="9" eb="10">
      <t>ヨウ</t>
    </rPh>
    <phoneticPr fontId="1"/>
  </si>
  <si>
    <t>テーブル</t>
  </si>
  <si>
    <t>業務用除湿機</t>
    <rPh sb="0" eb="3">
      <t>ギョウムヨウ</t>
    </rPh>
    <rPh sb="3" eb="6">
      <t>ジョシツキ</t>
    </rPh>
    <phoneticPr fontId="1"/>
  </si>
  <si>
    <t>【共用部】</t>
    <rPh sb="1" eb="4">
      <t>キョウヨウブ</t>
    </rPh>
    <phoneticPr fontId="1"/>
  </si>
  <si>
    <t>エントランス・ホワイエ</t>
    <phoneticPr fontId="1"/>
  </si>
  <si>
    <t>テレビ（壁掛け）</t>
    <rPh sb="4" eb="6">
      <t>カベカ</t>
    </rPh>
    <phoneticPr fontId="1"/>
  </si>
  <si>
    <t>新聞ラック</t>
    <rPh sb="0" eb="2">
      <t>シンブン</t>
    </rPh>
    <phoneticPr fontId="1"/>
  </si>
  <si>
    <t>ベビーベッド</t>
  </si>
  <si>
    <t>授乳室</t>
    <rPh sb="0" eb="2">
      <t>ジュニュウ</t>
    </rPh>
    <rPh sb="2" eb="3">
      <t>シツ</t>
    </rPh>
    <phoneticPr fontId="1"/>
  </si>
  <si>
    <t>ホール</t>
    <phoneticPr fontId="1"/>
  </si>
  <si>
    <t>多目的ホール</t>
    <rPh sb="0" eb="3">
      <t>タモクテキ</t>
    </rPh>
    <phoneticPr fontId="1"/>
  </si>
  <si>
    <t>机</t>
    <rPh sb="0" eb="1">
      <t>ツクエ</t>
    </rPh>
    <phoneticPr fontId="1"/>
  </si>
  <si>
    <t>【行政部門】</t>
    <rPh sb="1" eb="3">
      <t>ギョウセイ</t>
    </rPh>
    <rPh sb="3" eb="5">
      <t>ブモン</t>
    </rPh>
    <phoneticPr fontId="1"/>
  </si>
  <si>
    <t>執務室</t>
    <rPh sb="0" eb="3">
      <t>シツムシツ</t>
    </rPh>
    <phoneticPr fontId="1"/>
  </si>
  <si>
    <t>（土木事務所）</t>
    <rPh sb="1" eb="3">
      <t>ドボク</t>
    </rPh>
    <rPh sb="3" eb="5">
      <t>ジム</t>
    </rPh>
    <rPh sb="5" eb="6">
      <t>ショ</t>
    </rPh>
    <phoneticPr fontId="1"/>
  </si>
  <si>
    <t>（農林事務所）</t>
    <rPh sb="1" eb="3">
      <t>ノウリン</t>
    </rPh>
    <rPh sb="3" eb="5">
      <t>ジム</t>
    </rPh>
    <rPh sb="5" eb="6">
      <t>ショ</t>
    </rPh>
    <phoneticPr fontId="1"/>
  </si>
  <si>
    <t>土木用ロッカー</t>
    <rPh sb="0" eb="2">
      <t>ドボク</t>
    </rPh>
    <rPh sb="2" eb="3">
      <t>ヨウ</t>
    </rPh>
    <phoneticPr fontId="1"/>
  </si>
  <si>
    <t>待合用椅子</t>
    <rPh sb="0" eb="2">
      <t>マチアイ</t>
    </rPh>
    <rPh sb="2" eb="3">
      <t>ヨウ</t>
    </rPh>
    <rPh sb="3" eb="5">
      <t>イス</t>
    </rPh>
    <phoneticPr fontId="1"/>
  </si>
  <si>
    <t>市民用</t>
    <rPh sb="0" eb="3">
      <t>シミンヨウ</t>
    </rPh>
    <phoneticPr fontId="1"/>
  </si>
  <si>
    <t>職員用</t>
    <rPh sb="0" eb="3">
      <t>ショクインヨウ</t>
    </rPh>
    <phoneticPr fontId="1"/>
  </si>
  <si>
    <t>庁内放送用</t>
    <rPh sb="0" eb="2">
      <t>チョウナイ</t>
    </rPh>
    <rPh sb="2" eb="5">
      <t>ホウソウヨウ</t>
    </rPh>
    <phoneticPr fontId="1"/>
  </si>
  <si>
    <t>（待合スペース）</t>
    <rPh sb="1" eb="3">
      <t>マチアイ</t>
    </rPh>
    <phoneticPr fontId="1"/>
  </si>
  <si>
    <t>市民用</t>
    <rPh sb="0" eb="2">
      <t>シミン</t>
    </rPh>
    <rPh sb="2" eb="3">
      <t>ヨウ</t>
    </rPh>
    <phoneticPr fontId="1"/>
  </si>
  <si>
    <t>合唱等で使用</t>
    <rPh sb="0" eb="2">
      <t>ガッショウ</t>
    </rPh>
    <rPh sb="2" eb="3">
      <t>トウ</t>
    </rPh>
    <rPh sb="4" eb="6">
      <t>シヨウ</t>
    </rPh>
    <phoneticPr fontId="1"/>
  </si>
  <si>
    <t>書架</t>
    <rPh sb="0" eb="2">
      <t>ショカ</t>
    </rPh>
    <phoneticPr fontId="1"/>
  </si>
  <si>
    <t>新聞閲覧用</t>
    <rPh sb="0" eb="2">
      <t>シンブン</t>
    </rPh>
    <rPh sb="2" eb="5">
      <t>エツランヨウ</t>
    </rPh>
    <phoneticPr fontId="1"/>
  </si>
  <si>
    <t>視聴覚資料閲覧</t>
    <rPh sb="0" eb="3">
      <t>シチョウカク</t>
    </rPh>
    <rPh sb="3" eb="5">
      <t>シリョウ</t>
    </rPh>
    <rPh sb="5" eb="7">
      <t>エツラン</t>
    </rPh>
    <phoneticPr fontId="1"/>
  </si>
  <si>
    <t>・情報検索用</t>
  </si>
  <si>
    <t>閲覧用</t>
    <rPh sb="0" eb="3">
      <t>エツランヨウ</t>
    </rPh>
    <phoneticPr fontId="1"/>
  </si>
  <si>
    <t>児童・おはなし会用</t>
    <rPh sb="0" eb="2">
      <t>ジドウ</t>
    </rPh>
    <rPh sb="7" eb="8">
      <t>カイ</t>
    </rPh>
    <rPh sb="8" eb="9">
      <t>ヨウ</t>
    </rPh>
    <phoneticPr fontId="1"/>
  </si>
  <si>
    <t>受付用</t>
    <rPh sb="0" eb="2">
      <t>ウケツケ</t>
    </rPh>
    <rPh sb="2" eb="3">
      <t>ヨウ</t>
    </rPh>
    <phoneticPr fontId="1"/>
  </si>
  <si>
    <t>その他</t>
    <rPh sb="2" eb="3">
      <t>タ</t>
    </rPh>
    <phoneticPr fontId="1"/>
  </si>
  <si>
    <t>作業台</t>
    <rPh sb="0" eb="2">
      <t>サギョウ</t>
    </rPh>
    <rPh sb="2" eb="3">
      <t>ダイ</t>
    </rPh>
    <phoneticPr fontId="1"/>
  </si>
  <si>
    <t>会議室等</t>
    <rPh sb="0" eb="3">
      <t>カイギシツ</t>
    </rPh>
    <rPh sb="3" eb="4">
      <t>トウ</t>
    </rPh>
    <phoneticPr fontId="1"/>
  </si>
  <si>
    <t>ボイター板（小児科診察用）</t>
    <rPh sb="4" eb="5">
      <t>バン</t>
    </rPh>
    <rPh sb="6" eb="9">
      <t>ショウニカ</t>
    </rPh>
    <rPh sb="9" eb="11">
      <t>シンサツ</t>
    </rPh>
    <rPh sb="11" eb="12">
      <t>ヨウ</t>
    </rPh>
    <phoneticPr fontId="1"/>
  </si>
  <si>
    <t>セラピーマット</t>
    <phoneticPr fontId="1"/>
  </si>
  <si>
    <t>パソコン</t>
    <phoneticPr fontId="1"/>
  </si>
  <si>
    <t>（東上下水道サービスセンター）</t>
    <rPh sb="1" eb="2">
      <t>ヒガシ</t>
    </rPh>
    <rPh sb="2" eb="4">
      <t>ジョウゲ</t>
    </rPh>
    <rPh sb="4" eb="6">
      <t>スイドウ</t>
    </rPh>
    <phoneticPr fontId="1"/>
  </si>
  <si>
    <t>会議室</t>
    <rPh sb="0" eb="3">
      <t>カイギシツ</t>
    </rPh>
    <phoneticPr fontId="1"/>
  </si>
  <si>
    <t>大会議室</t>
    <rPh sb="0" eb="4">
      <t>ダイカイギシツ</t>
    </rPh>
    <phoneticPr fontId="1"/>
  </si>
  <si>
    <t>事務用機械室等</t>
    <rPh sb="0" eb="3">
      <t>ジムヨウ</t>
    </rPh>
    <rPh sb="3" eb="6">
      <t>キカイシツ</t>
    </rPh>
    <rPh sb="6" eb="7">
      <t>トウ</t>
    </rPh>
    <phoneticPr fontId="1"/>
  </si>
  <si>
    <t>収納棚（長靴80人分程度）</t>
    <rPh sb="0" eb="2">
      <t>シュウノウ</t>
    </rPh>
    <rPh sb="2" eb="3">
      <t>ダナ</t>
    </rPh>
    <rPh sb="4" eb="6">
      <t>ナガグツ</t>
    </rPh>
    <rPh sb="8" eb="10">
      <t>ニンブン</t>
    </rPh>
    <rPh sb="10" eb="12">
      <t>テイド</t>
    </rPh>
    <phoneticPr fontId="1"/>
  </si>
  <si>
    <t>収納棚（ヘルメット80人分程度）</t>
    <rPh sb="0" eb="2">
      <t>シュウノウ</t>
    </rPh>
    <rPh sb="2" eb="3">
      <t>ダナ</t>
    </rPh>
    <rPh sb="11" eb="13">
      <t>ニンブン</t>
    </rPh>
    <rPh sb="13" eb="15">
      <t>テイド</t>
    </rPh>
    <phoneticPr fontId="1"/>
  </si>
  <si>
    <t>収納棚（ジャンパー80人分程度）</t>
    <rPh sb="0" eb="2">
      <t>シュウノウ</t>
    </rPh>
    <rPh sb="2" eb="3">
      <t>ダナ</t>
    </rPh>
    <rPh sb="11" eb="13">
      <t>ニンブン</t>
    </rPh>
    <rPh sb="13" eb="15">
      <t>テイド</t>
    </rPh>
    <phoneticPr fontId="1"/>
  </si>
  <si>
    <t>（様式0-13-1）</t>
    <rPh sb="1" eb="3">
      <t>ヨウシキ</t>
    </rPh>
    <phoneticPr fontId="1"/>
  </si>
  <si>
    <t>（様式0-13-2）</t>
    <rPh sb="1" eb="3">
      <t>ヨウシキ</t>
    </rPh>
    <phoneticPr fontId="1"/>
  </si>
  <si>
    <t>応募グループ記号：</t>
  </si>
  <si>
    <t>小計</t>
    <rPh sb="0" eb="2">
      <t>ショウケ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);[Red]\(#,##0\)"/>
  </numFmts>
  <fonts count="6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5">
    <xf numFmtId="0" fontId="0" fillId="0" borderId="0">
      <alignment vertical="center"/>
    </xf>
    <xf numFmtId="0" fontId="2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/>
  </cellStyleXfs>
  <cellXfs count="98">
    <xf numFmtId="0" fontId="0" fillId="0" borderId="0" xfId="0">
      <alignment vertical="center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Border="1">
      <alignment vertical="center"/>
    </xf>
    <xf numFmtId="0" fontId="5" fillId="0" borderId="0" xfId="0" applyFont="1" applyBorder="1" applyAlignment="1">
      <alignment horizontal="center" vertical="center"/>
    </xf>
    <xf numFmtId="0" fontId="5" fillId="0" borderId="0" xfId="1" applyFont="1" applyBorder="1" applyAlignment="1">
      <alignment horizontal="center" vertical="center"/>
    </xf>
    <xf numFmtId="0" fontId="5" fillId="0" borderId="6" xfId="0" applyFont="1" applyBorder="1">
      <alignment vertical="center"/>
    </xf>
    <xf numFmtId="0" fontId="4" fillId="0" borderId="12" xfId="0" applyFont="1" applyBorder="1" applyAlignment="1">
      <alignment horizontal="center" vertical="center"/>
    </xf>
    <xf numFmtId="0" fontId="4" fillId="0" borderId="0" xfId="0" applyFont="1">
      <alignment vertical="center"/>
    </xf>
    <xf numFmtId="0" fontId="4" fillId="0" borderId="15" xfId="0" applyFont="1" applyBorder="1" applyAlignment="1">
      <alignment horizontal="center" vertical="center"/>
    </xf>
    <xf numFmtId="0" fontId="4" fillId="0" borderId="1" xfId="0" applyFont="1" applyBorder="1">
      <alignment vertical="center"/>
    </xf>
    <xf numFmtId="0" fontId="4" fillId="0" borderId="0" xfId="0" applyFont="1" applyBorder="1">
      <alignment vertical="center"/>
    </xf>
    <xf numFmtId="0" fontId="4" fillId="0" borderId="9" xfId="2" applyFont="1" applyFill="1" applyBorder="1" applyAlignment="1">
      <alignment vertical="center" shrinkToFit="1"/>
    </xf>
    <xf numFmtId="0" fontId="4" fillId="0" borderId="0" xfId="0" applyFont="1" applyFill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6" xfId="0" applyFont="1" applyFill="1" applyBorder="1">
      <alignment vertical="center"/>
    </xf>
    <xf numFmtId="0" fontId="4" fillId="0" borderId="0" xfId="0" applyFont="1" applyFill="1" applyBorder="1">
      <alignment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left" vertical="center"/>
    </xf>
    <xf numFmtId="0" fontId="4" fillId="0" borderId="1" xfId="0" applyFont="1" applyFill="1" applyBorder="1">
      <alignment vertical="center"/>
    </xf>
    <xf numFmtId="0" fontId="4" fillId="0" borderId="1" xfId="2" applyFont="1" applyFill="1" applyBorder="1" applyAlignment="1">
      <alignment vertical="center" shrinkToFit="1"/>
    </xf>
    <xf numFmtId="0" fontId="4" fillId="0" borderId="2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1" xfId="0" applyFont="1" applyFill="1" applyBorder="1">
      <alignment vertical="center"/>
    </xf>
    <xf numFmtId="0" fontId="4" fillId="0" borderId="15" xfId="0" applyFont="1" applyFill="1" applyBorder="1">
      <alignment vertical="center"/>
    </xf>
    <xf numFmtId="0" fontId="4" fillId="0" borderId="15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4" xfId="0" applyFont="1" applyFill="1" applyBorder="1">
      <alignment vertical="center"/>
    </xf>
    <xf numFmtId="0" fontId="4" fillId="0" borderId="8" xfId="0" applyFont="1" applyFill="1" applyBorder="1">
      <alignment vertical="center"/>
    </xf>
    <xf numFmtId="0" fontId="4" fillId="0" borderId="3" xfId="0" applyFont="1" applyFill="1" applyBorder="1">
      <alignment vertical="center"/>
    </xf>
    <xf numFmtId="0" fontId="4" fillId="0" borderId="13" xfId="0" applyFont="1" applyFill="1" applyBorder="1">
      <alignment vertical="center"/>
    </xf>
    <xf numFmtId="0" fontId="4" fillId="0" borderId="2" xfId="0" applyFont="1" applyFill="1" applyBorder="1">
      <alignment vertical="center"/>
    </xf>
    <xf numFmtId="0" fontId="4" fillId="0" borderId="9" xfId="0" applyFont="1" applyFill="1" applyBorder="1">
      <alignment vertical="center"/>
    </xf>
    <xf numFmtId="0" fontId="4" fillId="0" borderId="10" xfId="0" applyFont="1" applyFill="1" applyBorder="1" applyAlignment="1">
      <alignment horizontal="left" vertical="center"/>
    </xf>
    <xf numFmtId="0" fontId="4" fillId="0" borderId="0" xfId="2" applyFont="1" applyFill="1" applyBorder="1" applyAlignment="1">
      <alignment vertical="center" shrinkToFit="1"/>
    </xf>
    <xf numFmtId="0" fontId="4" fillId="0" borderId="5" xfId="0" applyFont="1" applyFill="1" applyBorder="1">
      <alignment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left" vertical="center"/>
    </xf>
    <xf numFmtId="0" fontId="4" fillId="0" borderId="15" xfId="2" applyFont="1" applyFill="1" applyBorder="1" applyAlignment="1">
      <alignment vertical="center" shrinkToFit="1"/>
    </xf>
    <xf numFmtId="0" fontId="4" fillId="0" borderId="1" xfId="0" applyFont="1" applyFill="1" applyBorder="1" applyAlignment="1">
      <alignment horizontal="left" vertical="center"/>
    </xf>
    <xf numFmtId="0" fontId="4" fillId="0" borderId="15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9" xfId="0" applyFont="1" applyFill="1" applyBorder="1" applyAlignment="1">
      <alignment horizontal="left" vertical="center"/>
    </xf>
    <xf numFmtId="49" fontId="4" fillId="0" borderId="1" xfId="1" applyNumberFormat="1" applyFont="1" applyFill="1" applyBorder="1" applyAlignment="1">
      <alignment vertical="center" shrinkToFit="1"/>
    </xf>
    <xf numFmtId="49" fontId="4" fillId="0" borderId="15" xfId="1" applyNumberFormat="1" applyFont="1" applyFill="1" applyBorder="1" applyAlignment="1">
      <alignment vertical="center" shrinkToFit="1"/>
    </xf>
    <xf numFmtId="0" fontId="4" fillId="0" borderId="1" xfId="1" applyFont="1" applyFill="1" applyBorder="1" applyAlignment="1">
      <alignment horizontal="center" vertical="center"/>
    </xf>
    <xf numFmtId="0" fontId="4" fillId="0" borderId="12" xfId="1" applyFont="1" applyFill="1" applyBorder="1" applyAlignment="1">
      <alignment horizontal="center" vertical="center"/>
    </xf>
    <xf numFmtId="0" fontId="4" fillId="0" borderId="1" xfId="3" applyFont="1" applyFill="1" applyBorder="1">
      <alignment vertical="center"/>
    </xf>
    <xf numFmtId="0" fontId="4" fillId="0" borderId="15" xfId="3" applyFont="1" applyFill="1" applyBorder="1">
      <alignment vertical="center"/>
    </xf>
    <xf numFmtId="0" fontId="4" fillId="0" borderId="1" xfId="3" applyFont="1" applyFill="1" applyBorder="1" applyAlignment="1">
      <alignment horizontal="center" vertical="center"/>
    </xf>
    <xf numFmtId="0" fontId="4" fillId="0" borderId="12" xfId="3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left" vertical="center"/>
    </xf>
    <xf numFmtId="49" fontId="4" fillId="0" borderId="3" xfId="1" applyNumberFormat="1" applyFont="1" applyFill="1" applyBorder="1" applyAlignment="1">
      <alignment vertical="center" shrinkToFit="1"/>
    </xf>
    <xf numFmtId="49" fontId="4" fillId="0" borderId="4" xfId="1" applyNumberFormat="1" applyFont="1" applyFill="1" applyBorder="1" applyAlignment="1">
      <alignment vertical="center" shrinkToFit="1"/>
    </xf>
    <xf numFmtId="49" fontId="4" fillId="0" borderId="5" xfId="1" applyNumberFormat="1" applyFont="1" applyFill="1" applyBorder="1" applyAlignment="1">
      <alignment vertical="center" shrinkToFit="1"/>
    </xf>
    <xf numFmtId="0" fontId="4" fillId="0" borderId="3" xfId="1" applyFont="1" applyFill="1" applyBorder="1" applyAlignment="1">
      <alignment horizontal="center" vertical="center"/>
    </xf>
    <xf numFmtId="0" fontId="4" fillId="0" borderId="7" xfId="1" applyFont="1" applyFill="1" applyBorder="1" applyAlignment="1">
      <alignment horizontal="center" vertical="center"/>
    </xf>
    <xf numFmtId="0" fontId="4" fillId="0" borderId="4" xfId="1" applyFont="1" applyFill="1" applyBorder="1" applyAlignment="1">
      <alignment horizontal="center" vertical="center"/>
    </xf>
    <xf numFmtId="0" fontId="4" fillId="0" borderId="14" xfId="1" applyFont="1" applyFill="1" applyBorder="1" applyAlignment="1">
      <alignment horizontal="center" vertical="center"/>
    </xf>
    <xf numFmtId="49" fontId="4" fillId="0" borderId="2" xfId="1" applyNumberFormat="1" applyFont="1" applyFill="1" applyBorder="1" applyAlignment="1">
      <alignment vertical="center" shrinkToFit="1"/>
    </xf>
    <xf numFmtId="0" fontId="4" fillId="0" borderId="2" xfId="1" applyFont="1" applyFill="1" applyBorder="1" applyAlignment="1">
      <alignment horizontal="center" vertical="center"/>
    </xf>
    <xf numFmtId="0" fontId="4" fillId="0" borderId="10" xfId="1" applyFont="1" applyFill="1" applyBorder="1" applyAlignment="1">
      <alignment horizontal="center" vertical="center"/>
    </xf>
    <xf numFmtId="0" fontId="4" fillId="0" borderId="1" xfId="4" applyFont="1" applyFill="1" applyBorder="1" applyAlignment="1">
      <alignment vertical="center"/>
    </xf>
    <xf numFmtId="49" fontId="4" fillId="0" borderId="0" xfId="1" applyNumberFormat="1" applyFont="1" applyFill="1" applyAlignment="1">
      <alignment vertical="center" shrinkToFit="1"/>
    </xf>
    <xf numFmtId="0" fontId="4" fillId="0" borderId="0" xfId="1" applyFont="1" applyFill="1" applyAlignment="1">
      <alignment horizontal="center" vertical="center"/>
    </xf>
    <xf numFmtId="0" fontId="4" fillId="0" borderId="0" xfId="0" applyFont="1" applyFill="1" applyAlignment="1">
      <alignment horizontal="left" vertical="center"/>
    </xf>
    <xf numFmtId="0" fontId="4" fillId="0" borderId="0" xfId="0" applyFont="1" applyFill="1" applyAlignment="1">
      <alignment horizontal="center" vertical="center"/>
    </xf>
    <xf numFmtId="0" fontId="4" fillId="0" borderId="15" xfId="1" applyFont="1" applyFill="1" applyBorder="1" applyAlignment="1">
      <alignment horizontal="center" vertical="center"/>
    </xf>
    <xf numFmtId="176" fontId="4" fillId="0" borderId="15" xfId="0" applyNumberFormat="1" applyFont="1" applyFill="1" applyBorder="1" applyAlignment="1">
      <alignment horizontal="center" vertical="center"/>
    </xf>
    <xf numFmtId="0" fontId="4" fillId="0" borderId="15" xfId="3" applyFont="1" applyFill="1" applyBorder="1" applyAlignment="1">
      <alignment horizontal="center" vertical="center"/>
    </xf>
    <xf numFmtId="0" fontId="4" fillId="0" borderId="15" xfId="4" applyFont="1" applyFill="1" applyBorder="1" applyAlignment="1">
      <alignment horizontal="center" vertical="center"/>
    </xf>
    <xf numFmtId="0" fontId="4" fillId="0" borderId="1" xfId="4" applyFont="1" applyFill="1" applyBorder="1" applyAlignment="1">
      <alignment horizontal="center" vertical="center"/>
    </xf>
    <xf numFmtId="0" fontId="4" fillId="0" borderId="12" xfId="4" applyFont="1" applyFill="1" applyBorder="1" applyAlignment="1">
      <alignment horizontal="center" vertical="center"/>
    </xf>
    <xf numFmtId="0" fontId="4" fillId="0" borderId="0" xfId="1" applyFont="1" applyFill="1" applyBorder="1" applyAlignment="1">
      <alignment horizontal="center" vertical="center"/>
    </xf>
    <xf numFmtId="49" fontId="4" fillId="0" borderId="11" xfId="1" applyNumberFormat="1" applyFont="1" applyFill="1" applyBorder="1" applyAlignment="1">
      <alignment vertical="center" shrinkToFit="1"/>
    </xf>
    <xf numFmtId="0" fontId="2" fillId="0" borderId="1" xfId="0" applyFont="1" applyFill="1" applyBorder="1">
      <alignment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1" xfId="1" applyFont="1" applyFill="1" applyBorder="1" applyAlignment="1">
      <alignment horizontal="center" vertical="center"/>
    </xf>
    <xf numFmtId="0" fontId="2" fillId="0" borderId="7" xfId="1" applyFont="1" applyFill="1" applyBorder="1" applyAlignment="1">
      <alignment horizontal="center" vertical="center"/>
    </xf>
    <xf numFmtId="0" fontId="2" fillId="0" borderId="12" xfId="1" applyFont="1" applyFill="1" applyBorder="1" applyAlignment="1">
      <alignment horizontal="center" vertical="center"/>
    </xf>
    <xf numFmtId="176" fontId="4" fillId="0" borderId="2" xfId="0" applyNumberFormat="1" applyFont="1" applyFill="1" applyBorder="1" applyAlignment="1">
      <alignment horizontal="center" vertical="center"/>
    </xf>
    <xf numFmtId="0" fontId="4" fillId="0" borderId="6" xfId="0" applyFont="1" applyFill="1" applyBorder="1" applyAlignment="1">
      <alignment vertical="center"/>
    </xf>
    <xf numFmtId="0" fontId="4" fillId="0" borderId="1" xfId="0" applyFont="1" applyFill="1" applyBorder="1" applyAlignment="1">
      <alignment vertical="center"/>
    </xf>
    <xf numFmtId="0" fontId="4" fillId="0" borderId="13" xfId="0" applyFont="1" applyFill="1" applyBorder="1" applyAlignment="1">
      <alignment vertical="center"/>
    </xf>
    <xf numFmtId="0" fontId="4" fillId="0" borderId="12" xfId="0" applyFont="1" applyBorder="1" applyAlignment="1">
      <alignment horizontal="center" vertical="center"/>
    </xf>
    <xf numFmtId="0" fontId="4" fillId="0" borderId="4" xfId="0" applyFont="1" applyFill="1" applyBorder="1" applyAlignment="1">
      <alignment vertical="center"/>
    </xf>
    <xf numFmtId="0" fontId="4" fillId="0" borderId="15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 wrapText="1"/>
    </xf>
    <xf numFmtId="0" fontId="4" fillId="0" borderId="3" xfId="0" applyFont="1" applyFill="1" applyBorder="1" applyAlignment="1">
      <alignment vertical="center" wrapText="1"/>
    </xf>
    <xf numFmtId="0" fontId="4" fillId="0" borderId="2" xfId="0" applyFont="1" applyFill="1" applyBorder="1" applyAlignment="1">
      <alignment vertical="center" wrapText="1"/>
    </xf>
    <xf numFmtId="0" fontId="4" fillId="0" borderId="1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</cellXfs>
  <cellStyles count="5">
    <cellStyle name="標準" xfId="0" builtinId="0"/>
    <cellStyle name="標準 4" xfId="3"/>
    <cellStyle name="標準_kokuyo 見積　いわき設計室" xfId="4"/>
    <cellStyle name="標準_見積横表紙別カタログ有" xfId="1"/>
    <cellStyle name="標準_電気備品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42"/>
  <sheetViews>
    <sheetView tabSelected="1" view="pageBreakPreview" zoomScale="60" zoomScaleNormal="100" zoomScalePageLayoutView="70" workbookViewId="0">
      <selection activeCell="E54" sqref="E54"/>
    </sheetView>
  </sheetViews>
  <sheetFormatPr defaultColWidth="8.59765625" defaultRowHeight="17.399999999999999" customHeight="1"/>
  <cols>
    <col min="1" max="1" width="1.3984375" style="7" customWidth="1"/>
    <col min="2" max="2" width="26.8984375" style="7" bestFit="1" customWidth="1"/>
    <col min="3" max="3" width="26.8984375" style="7" customWidth="1"/>
    <col min="4" max="4" width="18.19921875" style="7" customWidth="1"/>
    <col min="5" max="5" width="40.59765625" style="7" bestFit="1" customWidth="1"/>
    <col min="6" max="6" width="55.3984375" style="7" customWidth="1"/>
    <col min="7" max="8" width="4.8984375" style="13" bestFit="1" customWidth="1"/>
    <col min="9" max="9" width="12.59765625" style="13" customWidth="1"/>
    <col min="10" max="10" width="15" style="13" customWidth="1"/>
    <col min="11" max="11" width="19.59765625" style="14" bestFit="1" customWidth="1"/>
    <col min="12" max="12" width="1.5" style="7" customWidth="1"/>
    <col min="13" max="16384" width="8.59765625" style="7"/>
  </cols>
  <sheetData>
    <row r="1" spans="1:11" ht="17.399999999999999" customHeight="1">
      <c r="B1" s="7" t="s">
        <v>153</v>
      </c>
      <c r="F1" s="12"/>
    </row>
    <row r="2" spans="1:11" ht="17.399999999999999" customHeight="1">
      <c r="B2" s="7" t="s">
        <v>9</v>
      </c>
      <c r="E2" s="9" t="s">
        <v>155</v>
      </c>
    </row>
    <row r="3" spans="1:11" ht="19.95" customHeight="1">
      <c r="A3" s="7" t="s">
        <v>14</v>
      </c>
    </row>
    <row r="4" spans="1:11" ht="17.399999999999999" customHeight="1">
      <c r="B4" s="96" t="s">
        <v>0</v>
      </c>
      <c r="C4" s="97"/>
      <c r="D4" s="90"/>
      <c r="E4" s="1" t="s">
        <v>4</v>
      </c>
      <c r="F4" s="8" t="s">
        <v>6</v>
      </c>
      <c r="G4" s="1" t="s">
        <v>1</v>
      </c>
      <c r="H4" s="1" t="s">
        <v>3</v>
      </c>
      <c r="I4" s="6" t="s">
        <v>7</v>
      </c>
      <c r="J4" s="6" t="s">
        <v>8</v>
      </c>
      <c r="K4" s="6" t="s">
        <v>2</v>
      </c>
    </row>
    <row r="5" spans="1:11" ht="17.399999999999999" customHeight="1">
      <c r="B5" s="32" t="s">
        <v>15</v>
      </c>
      <c r="C5" s="32" t="s">
        <v>23</v>
      </c>
      <c r="D5" s="32" t="s">
        <v>127</v>
      </c>
      <c r="E5" s="20" t="s">
        <v>16</v>
      </c>
      <c r="F5" s="29"/>
      <c r="G5" s="31"/>
      <c r="H5" s="31"/>
      <c r="I5" s="24"/>
      <c r="J5" s="24"/>
      <c r="K5" s="25"/>
    </row>
    <row r="6" spans="1:11" ht="17.399999999999999" customHeight="1">
      <c r="B6" s="15"/>
      <c r="C6" s="15"/>
      <c r="D6" s="15" t="s">
        <v>128</v>
      </c>
      <c r="E6" s="20" t="s">
        <v>16</v>
      </c>
      <c r="F6" s="29"/>
      <c r="G6" s="31"/>
      <c r="H6" s="31"/>
      <c r="I6" s="24"/>
      <c r="J6" s="24"/>
      <c r="K6" s="25"/>
    </row>
    <row r="7" spans="1:11" ht="17.399999999999999" customHeight="1">
      <c r="B7" s="15"/>
      <c r="C7" s="34"/>
      <c r="D7" s="34" t="s">
        <v>129</v>
      </c>
      <c r="E7" s="20" t="s">
        <v>17</v>
      </c>
      <c r="F7" s="29"/>
      <c r="G7" s="31"/>
      <c r="H7" s="31"/>
      <c r="I7" s="24"/>
      <c r="J7" s="24"/>
      <c r="K7" s="25"/>
    </row>
    <row r="8" spans="1:11" ht="17.399999999999999" customHeight="1">
      <c r="B8" s="15"/>
      <c r="C8" s="34"/>
      <c r="D8" s="34"/>
      <c r="E8" s="34" t="s">
        <v>18</v>
      </c>
      <c r="F8" s="16"/>
      <c r="G8" s="17"/>
      <c r="H8" s="17"/>
      <c r="I8" s="18"/>
      <c r="J8" s="18"/>
      <c r="K8" s="19"/>
    </row>
    <row r="9" spans="1:11" ht="17.399999999999999" customHeight="1">
      <c r="B9" s="15"/>
      <c r="C9" s="15"/>
      <c r="D9" s="15"/>
      <c r="E9" s="20" t="s">
        <v>19</v>
      </c>
      <c r="F9" s="29"/>
      <c r="G9" s="31"/>
      <c r="H9" s="31"/>
      <c r="I9" s="24"/>
      <c r="J9" s="24"/>
      <c r="K9" s="25"/>
    </row>
    <row r="10" spans="1:11" ht="17.399999999999999" customHeight="1">
      <c r="B10" s="15"/>
      <c r="C10" s="15"/>
      <c r="D10" s="15"/>
      <c r="E10" s="36" t="s">
        <v>20</v>
      </c>
      <c r="F10" s="37"/>
      <c r="G10" s="22"/>
      <c r="H10" s="22"/>
      <c r="I10" s="23"/>
      <c r="J10" s="23"/>
      <c r="K10" s="38"/>
    </row>
    <row r="11" spans="1:11" ht="17.399999999999999" customHeight="1">
      <c r="B11" s="15"/>
      <c r="C11" s="32" t="s">
        <v>24</v>
      </c>
      <c r="D11" s="32" t="s">
        <v>127</v>
      </c>
      <c r="E11" s="21" t="s">
        <v>16</v>
      </c>
      <c r="F11" s="39"/>
      <c r="G11" s="17"/>
      <c r="H11" s="17"/>
      <c r="I11" s="18"/>
      <c r="J11" s="18"/>
      <c r="K11" s="19"/>
    </row>
    <row r="12" spans="1:11" ht="17.399999999999999" customHeight="1">
      <c r="B12" s="15"/>
      <c r="C12" s="15"/>
      <c r="D12" s="15" t="s">
        <v>128</v>
      </c>
      <c r="E12" s="32" t="s">
        <v>16</v>
      </c>
      <c r="F12" s="40"/>
      <c r="G12" s="41"/>
      <c r="H12" s="41"/>
      <c r="I12" s="42"/>
      <c r="J12" s="42"/>
      <c r="K12" s="43"/>
    </row>
    <row r="13" spans="1:11" ht="17.399999999999999" customHeight="1">
      <c r="B13" s="15"/>
      <c r="C13" s="15"/>
      <c r="D13" s="15" t="s">
        <v>130</v>
      </c>
      <c r="E13" s="20" t="s">
        <v>21</v>
      </c>
      <c r="F13" s="29"/>
      <c r="G13" s="31"/>
      <c r="H13" s="31"/>
      <c r="I13" s="24"/>
      <c r="J13" s="24"/>
      <c r="K13" s="25"/>
    </row>
    <row r="14" spans="1:11" ht="17.399999999999999" customHeight="1">
      <c r="B14" s="15"/>
      <c r="C14" s="15"/>
      <c r="D14" s="15"/>
      <c r="E14" s="20" t="s">
        <v>21</v>
      </c>
      <c r="F14" s="29"/>
      <c r="G14" s="31"/>
      <c r="H14" s="31"/>
      <c r="I14" s="24"/>
      <c r="J14" s="24"/>
      <c r="K14" s="25"/>
    </row>
    <row r="15" spans="1:11" ht="17.399999999999999" customHeight="1">
      <c r="B15" s="15"/>
      <c r="C15" s="15"/>
      <c r="D15" s="15"/>
      <c r="E15" s="20" t="s">
        <v>22</v>
      </c>
      <c r="F15" s="29"/>
      <c r="G15" s="31"/>
      <c r="H15" s="31"/>
      <c r="I15" s="24"/>
      <c r="J15" s="24"/>
      <c r="K15" s="25"/>
    </row>
    <row r="16" spans="1:11" ht="17.399999999999999" customHeight="1">
      <c r="B16" s="15"/>
      <c r="C16" s="32" t="s">
        <v>25</v>
      </c>
      <c r="D16" s="32" t="s">
        <v>127</v>
      </c>
      <c r="E16" s="20" t="s">
        <v>16</v>
      </c>
      <c r="F16" s="29"/>
      <c r="G16" s="31"/>
      <c r="H16" s="31"/>
      <c r="I16" s="24"/>
      <c r="J16" s="24"/>
      <c r="K16" s="25"/>
    </row>
    <row r="17" spans="2:11" ht="17.399999999999999" customHeight="1">
      <c r="B17" s="15"/>
      <c r="C17" s="15"/>
      <c r="D17" s="15" t="s">
        <v>128</v>
      </c>
      <c r="E17" s="20" t="s">
        <v>16</v>
      </c>
      <c r="F17" s="29"/>
      <c r="G17" s="31"/>
      <c r="H17" s="31"/>
      <c r="I17" s="24"/>
      <c r="J17" s="24"/>
      <c r="K17" s="25"/>
    </row>
    <row r="18" spans="2:11" ht="17.399999999999999" customHeight="1">
      <c r="B18" s="15"/>
      <c r="C18" s="32" t="s">
        <v>26</v>
      </c>
      <c r="D18" s="32" t="s">
        <v>131</v>
      </c>
      <c r="E18" s="20" t="s">
        <v>16</v>
      </c>
      <c r="F18" s="29"/>
      <c r="G18" s="31"/>
      <c r="H18" s="31"/>
      <c r="I18" s="24"/>
      <c r="J18" s="24"/>
      <c r="K18" s="25"/>
    </row>
    <row r="19" spans="2:11" ht="17.399999999999999" customHeight="1">
      <c r="B19" s="15"/>
      <c r="C19" s="15"/>
      <c r="D19" s="15" t="s">
        <v>128</v>
      </c>
      <c r="E19" s="20" t="s">
        <v>16</v>
      </c>
      <c r="F19" s="29"/>
      <c r="G19" s="31"/>
      <c r="H19" s="31"/>
      <c r="I19" s="24"/>
      <c r="J19" s="24"/>
      <c r="K19" s="25"/>
    </row>
    <row r="20" spans="2:11" ht="17.399999999999999" customHeight="1">
      <c r="B20" s="15"/>
      <c r="C20" s="32" t="s">
        <v>27</v>
      </c>
      <c r="D20" s="32" t="s">
        <v>127</v>
      </c>
      <c r="E20" s="20" t="s">
        <v>16</v>
      </c>
      <c r="F20" s="29"/>
      <c r="G20" s="31"/>
      <c r="H20" s="31"/>
      <c r="I20" s="24"/>
      <c r="J20" s="24"/>
      <c r="K20" s="25"/>
    </row>
    <row r="21" spans="2:11" ht="17.399999999999999" customHeight="1">
      <c r="B21" s="36"/>
      <c r="C21" s="15"/>
      <c r="D21" s="15" t="s">
        <v>128</v>
      </c>
      <c r="E21" s="36" t="s">
        <v>16</v>
      </c>
      <c r="F21" s="37"/>
      <c r="G21" s="22"/>
      <c r="H21" s="22"/>
      <c r="I21" s="23"/>
      <c r="J21" s="23"/>
      <c r="K21" s="38"/>
    </row>
    <row r="22" spans="2:11" ht="17.399999999999999" customHeight="1">
      <c r="B22" s="34" t="s">
        <v>142</v>
      </c>
      <c r="C22" s="32" t="s">
        <v>28</v>
      </c>
      <c r="D22" s="32"/>
      <c r="E22" s="36" t="s">
        <v>36</v>
      </c>
      <c r="F22" s="37"/>
      <c r="G22" s="22"/>
      <c r="H22" s="22"/>
      <c r="I22" s="23"/>
      <c r="J22" s="23"/>
      <c r="K22" s="38"/>
    </row>
    <row r="23" spans="2:11" ht="17.399999999999999" customHeight="1">
      <c r="B23" s="34"/>
      <c r="C23" s="34"/>
      <c r="D23" s="34"/>
      <c r="E23" s="36" t="s">
        <v>37</v>
      </c>
      <c r="F23" s="37"/>
      <c r="G23" s="22"/>
      <c r="H23" s="22"/>
      <c r="I23" s="23"/>
      <c r="J23" s="23"/>
      <c r="K23" s="38"/>
    </row>
    <row r="24" spans="2:11" ht="17.399999999999999" customHeight="1">
      <c r="B24" s="34"/>
      <c r="C24" s="32" t="s">
        <v>29</v>
      </c>
      <c r="D24" s="32"/>
      <c r="E24" s="21" t="s">
        <v>36</v>
      </c>
      <c r="F24" s="44"/>
      <c r="G24" s="31"/>
      <c r="H24" s="31"/>
      <c r="I24" s="24"/>
      <c r="J24" s="24"/>
      <c r="K24" s="25"/>
    </row>
    <row r="25" spans="2:11" ht="17.399999999999999" customHeight="1">
      <c r="B25" s="34"/>
      <c r="C25" s="34"/>
      <c r="D25" s="34"/>
      <c r="E25" s="21" t="s">
        <v>37</v>
      </c>
      <c r="F25" s="39"/>
      <c r="G25" s="17"/>
      <c r="H25" s="17"/>
      <c r="I25" s="18"/>
      <c r="J25" s="18"/>
      <c r="K25" s="19"/>
    </row>
    <row r="26" spans="2:11" ht="17.399999999999999" customHeight="1">
      <c r="B26" s="15"/>
      <c r="C26" s="34"/>
      <c r="D26" s="34"/>
      <c r="E26" s="45" t="s">
        <v>38</v>
      </c>
      <c r="F26" s="46"/>
      <c r="G26" s="31"/>
      <c r="H26" s="31"/>
      <c r="I26" s="24"/>
      <c r="J26" s="24"/>
      <c r="K26" s="25"/>
    </row>
    <row r="27" spans="2:11" ht="17.399999999999999" customHeight="1">
      <c r="B27" s="15"/>
      <c r="C27" s="32" t="s">
        <v>30</v>
      </c>
      <c r="D27" s="32"/>
      <c r="E27" s="45" t="s">
        <v>39</v>
      </c>
      <c r="F27" s="27"/>
      <c r="G27" s="17"/>
      <c r="H27" s="17"/>
      <c r="I27" s="18"/>
      <c r="J27" s="18"/>
      <c r="K27" s="19"/>
    </row>
    <row r="28" spans="2:11" ht="17.399999999999999" customHeight="1">
      <c r="B28" s="15"/>
      <c r="C28" s="34"/>
      <c r="D28" s="34"/>
      <c r="E28" s="45" t="s">
        <v>40</v>
      </c>
      <c r="F28" s="46"/>
      <c r="G28" s="31"/>
      <c r="H28" s="31"/>
      <c r="I28" s="24"/>
      <c r="J28" s="24"/>
      <c r="K28" s="25"/>
    </row>
    <row r="29" spans="2:11" ht="17.399999999999999" customHeight="1">
      <c r="B29" s="15"/>
      <c r="C29" s="34"/>
      <c r="D29" s="34"/>
      <c r="E29" s="45" t="s">
        <v>41</v>
      </c>
      <c r="F29" s="46"/>
      <c r="G29" s="31"/>
      <c r="H29" s="31"/>
      <c r="I29" s="24"/>
      <c r="J29" s="24"/>
      <c r="K29" s="25"/>
    </row>
    <row r="30" spans="2:11" ht="17.399999999999999" customHeight="1">
      <c r="B30" s="15"/>
      <c r="C30" s="32" t="s">
        <v>31</v>
      </c>
      <c r="D30" s="32"/>
      <c r="E30" s="45" t="s">
        <v>42</v>
      </c>
      <c r="F30" s="27"/>
      <c r="G30" s="17"/>
      <c r="H30" s="17"/>
      <c r="I30" s="18"/>
      <c r="J30" s="18"/>
      <c r="K30" s="19"/>
    </row>
    <row r="31" spans="2:11" ht="17.399999999999999" customHeight="1">
      <c r="B31" s="15"/>
      <c r="C31" s="34"/>
      <c r="D31" s="34"/>
      <c r="E31" s="45" t="s">
        <v>39</v>
      </c>
      <c r="F31" s="46"/>
      <c r="G31" s="31"/>
      <c r="H31" s="31"/>
      <c r="I31" s="24"/>
      <c r="J31" s="24"/>
      <c r="K31" s="25"/>
    </row>
    <row r="32" spans="2:11" ht="17.399999999999999" customHeight="1">
      <c r="B32" s="34"/>
      <c r="C32" s="34"/>
      <c r="D32" s="34"/>
      <c r="E32" s="45" t="s">
        <v>43</v>
      </c>
      <c r="F32" s="27"/>
      <c r="G32" s="17"/>
      <c r="H32" s="31"/>
      <c r="I32" s="18"/>
      <c r="J32" s="18"/>
      <c r="K32" s="19"/>
    </row>
    <row r="33" spans="2:11" ht="17.399999999999999" customHeight="1">
      <c r="B33" s="15"/>
      <c r="C33" s="34"/>
      <c r="D33" s="34"/>
      <c r="E33" s="45" t="s">
        <v>40</v>
      </c>
      <c r="F33" s="46"/>
      <c r="G33" s="31"/>
      <c r="H33" s="31"/>
      <c r="I33" s="24"/>
      <c r="J33" s="24"/>
      <c r="K33" s="25"/>
    </row>
    <row r="34" spans="2:11" ht="17.399999999999999" customHeight="1">
      <c r="B34" s="15"/>
      <c r="C34" s="34"/>
      <c r="D34" s="34"/>
      <c r="E34" s="45" t="s">
        <v>41</v>
      </c>
      <c r="F34" s="46"/>
      <c r="G34" s="31"/>
      <c r="H34" s="31"/>
      <c r="I34" s="24"/>
      <c r="J34" s="24"/>
      <c r="K34" s="25"/>
    </row>
    <row r="35" spans="2:11" ht="17.399999999999999" customHeight="1">
      <c r="B35" s="15"/>
      <c r="C35" s="34"/>
      <c r="D35" s="34"/>
      <c r="E35" s="45" t="s">
        <v>44</v>
      </c>
      <c r="F35" s="48"/>
      <c r="G35" s="22"/>
      <c r="H35" s="17"/>
      <c r="I35" s="23"/>
      <c r="J35" s="23"/>
      <c r="K35" s="38"/>
    </row>
    <row r="36" spans="2:11" ht="17.399999999999999" customHeight="1">
      <c r="B36" s="15"/>
      <c r="C36" s="34"/>
      <c r="D36" s="34"/>
      <c r="E36" s="34" t="s">
        <v>45</v>
      </c>
      <c r="F36" s="16"/>
      <c r="G36" s="17"/>
      <c r="H36" s="31"/>
      <c r="I36" s="18"/>
      <c r="J36" s="18"/>
      <c r="K36" s="19"/>
    </row>
    <row r="37" spans="2:11" ht="17.399999999999999" customHeight="1">
      <c r="B37" s="15"/>
      <c r="C37" s="32" t="s">
        <v>32</v>
      </c>
      <c r="D37" s="32"/>
      <c r="E37" s="45" t="s">
        <v>46</v>
      </c>
      <c r="F37" s="29"/>
      <c r="G37" s="31"/>
      <c r="H37" s="31"/>
      <c r="I37" s="24"/>
      <c r="J37" s="24"/>
      <c r="K37" s="25"/>
    </row>
    <row r="38" spans="2:11" ht="17.399999999999999" customHeight="1">
      <c r="B38" s="15"/>
      <c r="C38" s="34"/>
      <c r="D38" s="34"/>
      <c r="E38" s="45" t="s">
        <v>47</v>
      </c>
      <c r="F38" s="29"/>
      <c r="G38" s="31"/>
      <c r="H38" s="31"/>
      <c r="I38" s="24"/>
      <c r="J38" s="24"/>
      <c r="K38" s="25"/>
    </row>
    <row r="39" spans="2:11" ht="17.399999999999999" customHeight="1">
      <c r="B39" s="15"/>
      <c r="C39" s="34"/>
      <c r="D39" s="34"/>
      <c r="E39" s="45" t="s">
        <v>48</v>
      </c>
      <c r="F39" s="29"/>
      <c r="G39" s="31"/>
      <c r="H39" s="31"/>
      <c r="I39" s="24"/>
      <c r="J39" s="24"/>
      <c r="K39" s="25"/>
    </row>
    <row r="40" spans="2:11" ht="17.399999999999999" customHeight="1">
      <c r="B40" s="15"/>
      <c r="C40" s="34"/>
      <c r="D40" s="34"/>
      <c r="E40" s="45" t="s">
        <v>49</v>
      </c>
      <c r="F40" s="16"/>
      <c r="G40" s="17"/>
      <c r="H40" s="17"/>
      <c r="I40" s="18"/>
      <c r="J40" s="18"/>
      <c r="K40" s="19"/>
    </row>
    <row r="41" spans="2:11" ht="17.399999999999999" customHeight="1">
      <c r="B41" s="15"/>
      <c r="C41" s="34"/>
      <c r="D41" s="34"/>
      <c r="E41" s="32" t="s">
        <v>50</v>
      </c>
      <c r="F41" s="40"/>
      <c r="G41" s="41"/>
      <c r="H41" s="41"/>
      <c r="I41" s="42"/>
      <c r="J41" s="42"/>
      <c r="K41" s="43"/>
    </row>
    <row r="42" spans="2:11" ht="17.399999999999999" customHeight="1">
      <c r="B42" s="15"/>
      <c r="C42" s="34"/>
      <c r="D42" s="34"/>
      <c r="E42" s="20" t="s">
        <v>51</v>
      </c>
      <c r="F42" s="29"/>
      <c r="G42" s="31"/>
      <c r="H42" s="31"/>
      <c r="I42" s="24"/>
      <c r="J42" s="24"/>
      <c r="K42" s="25"/>
    </row>
    <row r="43" spans="2:11" ht="17.399999999999999" customHeight="1">
      <c r="B43" s="15"/>
      <c r="C43" s="34"/>
      <c r="D43" s="34"/>
      <c r="E43" s="20" t="s">
        <v>38</v>
      </c>
      <c r="F43" s="29"/>
      <c r="G43" s="31"/>
      <c r="H43" s="31"/>
      <c r="I43" s="24"/>
      <c r="J43" s="24"/>
      <c r="K43" s="25"/>
    </row>
    <row r="44" spans="2:11" ht="17.399999999999999" customHeight="1">
      <c r="B44" s="15"/>
      <c r="C44" s="34"/>
      <c r="D44" s="34"/>
      <c r="E44" s="20" t="s">
        <v>52</v>
      </c>
      <c r="F44" s="29"/>
      <c r="G44" s="31"/>
      <c r="H44" s="31"/>
      <c r="I44" s="24"/>
      <c r="J44" s="24"/>
      <c r="K44" s="25"/>
    </row>
    <row r="45" spans="2:11" ht="17.399999999999999" customHeight="1">
      <c r="B45" s="15"/>
      <c r="C45" s="34"/>
      <c r="D45" s="34"/>
      <c r="E45" s="49" t="s">
        <v>53</v>
      </c>
      <c r="F45" s="50"/>
      <c r="G45" s="31"/>
      <c r="H45" s="51"/>
      <c r="I45" s="52"/>
      <c r="J45" s="52"/>
      <c r="K45" s="25"/>
    </row>
    <row r="46" spans="2:11" ht="17.399999999999999" customHeight="1">
      <c r="B46" s="15"/>
      <c r="C46" s="34"/>
      <c r="D46" s="34"/>
      <c r="E46" s="49" t="s">
        <v>54</v>
      </c>
      <c r="F46" s="50"/>
      <c r="G46" s="51"/>
      <c r="H46" s="51"/>
      <c r="I46" s="52"/>
      <c r="J46" s="52"/>
      <c r="K46" s="25"/>
    </row>
    <row r="47" spans="2:11" ht="17.399999999999999" customHeight="1">
      <c r="B47" s="15"/>
      <c r="C47" s="34"/>
      <c r="D47" s="34"/>
      <c r="E47" s="49" t="s">
        <v>55</v>
      </c>
      <c r="F47" s="50"/>
      <c r="G47" s="51"/>
      <c r="H47" s="51"/>
      <c r="I47" s="52"/>
      <c r="J47" s="52"/>
      <c r="K47" s="25"/>
    </row>
    <row r="48" spans="2:11" ht="17.399999999999999" customHeight="1">
      <c r="B48" s="15"/>
      <c r="C48" s="34"/>
      <c r="D48" s="34"/>
      <c r="E48" s="53" t="s">
        <v>56</v>
      </c>
      <c r="F48" s="54"/>
      <c r="G48" s="51"/>
      <c r="H48" s="55"/>
      <c r="I48" s="56"/>
      <c r="J48" s="56"/>
      <c r="K48" s="25"/>
    </row>
    <row r="49" spans="1:11" ht="17.399999999999999" customHeight="1">
      <c r="B49" s="15"/>
      <c r="C49" s="34"/>
      <c r="D49" s="34"/>
      <c r="E49" s="53" t="s">
        <v>57</v>
      </c>
      <c r="F49" s="54"/>
      <c r="G49" s="55"/>
      <c r="H49" s="55"/>
      <c r="I49" s="56"/>
      <c r="J49" s="56"/>
      <c r="K49" s="25"/>
    </row>
    <row r="50" spans="1:11" ht="17.399999999999999" customHeight="1">
      <c r="B50" s="15"/>
      <c r="C50" s="34"/>
      <c r="D50" s="34"/>
      <c r="E50" s="53" t="s">
        <v>58</v>
      </c>
      <c r="F50" s="54"/>
      <c r="G50" s="55"/>
      <c r="H50" s="55"/>
      <c r="I50" s="56"/>
      <c r="J50" s="56"/>
      <c r="K50" s="25"/>
    </row>
    <row r="51" spans="1:11" ht="17.399999999999999" customHeight="1">
      <c r="B51" s="15"/>
      <c r="C51" s="34"/>
      <c r="D51" s="34"/>
      <c r="E51" s="53" t="s">
        <v>143</v>
      </c>
      <c r="F51" s="54"/>
      <c r="G51" s="55"/>
      <c r="H51" s="55"/>
      <c r="I51" s="56"/>
      <c r="J51" s="56"/>
      <c r="K51" s="25"/>
    </row>
    <row r="52" spans="1:11" ht="17.399999999999999" customHeight="1">
      <c r="B52" s="15"/>
      <c r="C52" s="36"/>
      <c r="D52" s="36"/>
      <c r="E52" s="53" t="s">
        <v>144</v>
      </c>
      <c r="F52" s="54"/>
      <c r="G52" s="55"/>
      <c r="H52" s="55"/>
      <c r="I52" s="56"/>
      <c r="J52" s="56"/>
      <c r="K52" s="25"/>
    </row>
    <row r="53" spans="1:11" ht="17.399999999999999" customHeight="1">
      <c r="B53" s="35" t="s">
        <v>35</v>
      </c>
      <c r="C53" s="32" t="s">
        <v>33</v>
      </c>
      <c r="D53" s="32"/>
      <c r="E53" s="53" t="s">
        <v>59</v>
      </c>
      <c r="F53" s="54"/>
      <c r="G53" s="55"/>
      <c r="H53" s="55"/>
      <c r="I53" s="56"/>
      <c r="J53" s="56"/>
      <c r="K53" s="25"/>
    </row>
    <row r="54" spans="1:11" ht="17.399999999999999" customHeight="1">
      <c r="B54" s="15"/>
      <c r="C54" s="15"/>
      <c r="D54" s="15"/>
      <c r="E54" s="53" t="s">
        <v>59</v>
      </c>
      <c r="F54" s="54"/>
      <c r="G54" s="55"/>
      <c r="H54" s="55"/>
      <c r="I54" s="56"/>
      <c r="J54" s="56"/>
      <c r="K54" s="25"/>
    </row>
    <row r="55" spans="1:11" ht="17.399999999999999" customHeight="1">
      <c r="B55" s="33"/>
      <c r="C55" s="20" t="s">
        <v>34</v>
      </c>
      <c r="D55" s="20"/>
      <c r="E55" s="49" t="s">
        <v>60</v>
      </c>
      <c r="F55" s="50"/>
      <c r="G55" s="55"/>
      <c r="H55" s="55"/>
      <c r="I55" s="56"/>
      <c r="J55" s="56"/>
      <c r="K55" s="25"/>
    </row>
    <row r="56" spans="1:11" ht="17.399999999999999" customHeight="1">
      <c r="B56" s="28" t="s">
        <v>156</v>
      </c>
      <c r="C56" s="29"/>
      <c r="D56" s="29"/>
      <c r="E56" s="50"/>
      <c r="F56" s="50"/>
      <c r="G56" s="75"/>
      <c r="H56" s="75"/>
      <c r="I56" s="56"/>
      <c r="J56" s="55"/>
      <c r="K56" s="45"/>
    </row>
    <row r="57" spans="1:11" ht="17.399999999999999" customHeight="1">
      <c r="B57" s="12"/>
      <c r="C57" s="12"/>
      <c r="D57" s="12"/>
      <c r="E57" s="69"/>
      <c r="F57" s="69"/>
      <c r="G57" s="70"/>
      <c r="H57" s="70"/>
      <c r="I57" s="70"/>
      <c r="J57" s="70"/>
      <c r="K57" s="71"/>
    </row>
    <row r="58" spans="1:11" ht="19.95" customHeight="1">
      <c r="A58" s="7" t="s">
        <v>61</v>
      </c>
      <c r="B58" s="12"/>
      <c r="C58" s="12"/>
      <c r="D58" s="12"/>
      <c r="E58" s="12"/>
      <c r="F58" s="12"/>
      <c r="G58" s="72"/>
      <c r="H58" s="72"/>
      <c r="I58" s="72"/>
      <c r="J58" s="72"/>
      <c r="K58" s="71"/>
    </row>
    <row r="59" spans="1:11" ht="17.399999999999999" customHeight="1">
      <c r="B59" s="96" t="s">
        <v>0</v>
      </c>
      <c r="C59" s="97"/>
      <c r="D59" s="90"/>
      <c r="E59" s="1" t="s">
        <v>4</v>
      </c>
      <c r="F59" s="8" t="s">
        <v>6</v>
      </c>
      <c r="G59" s="1" t="s">
        <v>1</v>
      </c>
      <c r="H59" s="1" t="s">
        <v>3</v>
      </c>
      <c r="I59" s="6" t="s">
        <v>7</v>
      </c>
      <c r="J59" s="6" t="s">
        <v>8</v>
      </c>
      <c r="K59" s="6" t="s">
        <v>2</v>
      </c>
    </row>
    <row r="60" spans="1:11" ht="17.399999999999999" customHeight="1">
      <c r="B60" s="87" t="s">
        <v>118</v>
      </c>
      <c r="C60" s="87" t="s">
        <v>119</v>
      </c>
      <c r="D60" s="87"/>
      <c r="E60" s="88" t="s">
        <v>120</v>
      </c>
      <c r="F60" s="31"/>
      <c r="G60" s="31"/>
      <c r="H60" s="31"/>
      <c r="I60" s="31"/>
      <c r="J60" s="31"/>
      <c r="K60" s="31"/>
    </row>
    <row r="61" spans="1:11" ht="17.399999999999999" customHeight="1">
      <c r="B61" s="15"/>
      <c r="C61" s="15"/>
      <c r="D61" s="15"/>
      <c r="E61" s="49" t="s">
        <v>47</v>
      </c>
      <c r="F61" s="49"/>
      <c r="G61" s="51"/>
      <c r="H61" s="51"/>
      <c r="I61" s="51"/>
      <c r="J61" s="51"/>
      <c r="K61" s="45"/>
    </row>
    <row r="62" spans="1:11" ht="17.399999999999999" customHeight="1">
      <c r="B62" s="15"/>
      <c r="C62" s="15"/>
      <c r="D62" s="15"/>
      <c r="E62" s="49" t="s">
        <v>50</v>
      </c>
      <c r="F62" s="49"/>
      <c r="G62" s="73"/>
      <c r="H62" s="51"/>
      <c r="I62" s="52"/>
      <c r="J62" s="52"/>
      <c r="K62" s="25"/>
    </row>
    <row r="63" spans="1:11" ht="17.399999999999999" customHeight="1">
      <c r="B63" s="15"/>
      <c r="C63" s="15"/>
      <c r="D63" s="15"/>
      <c r="E63" s="49" t="s">
        <v>69</v>
      </c>
      <c r="F63" s="49"/>
      <c r="G63" s="73"/>
      <c r="H63" s="51"/>
      <c r="I63" s="52"/>
      <c r="J63" s="52"/>
      <c r="K63" s="25"/>
    </row>
    <row r="64" spans="1:11" ht="17.399999999999999" customHeight="1">
      <c r="B64" s="15"/>
      <c r="C64" s="15"/>
      <c r="D64" s="15"/>
      <c r="E64" s="49" t="s">
        <v>70</v>
      </c>
      <c r="F64" s="49"/>
      <c r="G64" s="73"/>
      <c r="H64" s="51"/>
      <c r="I64" s="52"/>
      <c r="J64" s="52"/>
      <c r="K64" s="25"/>
    </row>
    <row r="65" spans="2:11" ht="17.399999999999999" customHeight="1">
      <c r="B65" s="15"/>
      <c r="C65" s="15"/>
      <c r="D65" s="15"/>
      <c r="E65" s="49" t="s">
        <v>71</v>
      </c>
      <c r="F65" s="49"/>
      <c r="G65" s="73"/>
      <c r="H65" s="51"/>
      <c r="I65" s="52"/>
      <c r="J65" s="52"/>
      <c r="K65" s="25"/>
    </row>
    <row r="66" spans="2:11" ht="17.399999999999999" customHeight="1">
      <c r="B66" s="15"/>
      <c r="C66" s="15"/>
      <c r="D66" s="15"/>
      <c r="E66" s="49" t="s">
        <v>48</v>
      </c>
      <c r="F66" s="49"/>
      <c r="G66" s="73"/>
      <c r="H66" s="51"/>
      <c r="I66" s="52"/>
      <c r="J66" s="52"/>
      <c r="K66" s="25"/>
    </row>
    <row r="67" spans="2:11" ht="17.399999999999999" customHeight="1">
      <c r="B67" s="15"/>
      <c r="C67" s="15"/>
      <c r="D67" s="15" t="s">
        <v>132</v>
      </c>
      <c r="E67" s="49" t="s">
        <v>19</v>
      </c>
      <c r="F67" s="49"/>
      <c r="G67" s="73"/>
      <c r="H67" s="51"/>
      <c r="I67" s="52"/>
      <c r="J67" s="52"/>
      <c r="K67" s="25"/>
    </row>
    <row r="68" spans="2:11" ht="17.399999999999999" customHeight="1">
      <c r="B68" s="15"/>
      <c r="C68" s="15"/>
      <c r="D68" s="15"/>
      <c r="E68" s="49" t="s">
        <v>72</v>
      </c>
      <c r="F68" s="49"/>
      <c r="G68" s="73"/>
      <c r="H68" s="51"/>
      <c r="I68" s="52"/>
      <c r="J68" s="52"/>
      <c r="K68" s="25"/>
    </row>
    <row r="69" spans="2:11" ht="17.399999999999999" customHeight="1">
      <c r="B69" s="15"/>
      <c r="C69" s="15"/>
      <c r="D69" s="15"/>
      <c r="E69" s="45" t="s">
        <v>73</v>
      </c>
      <c r="F69" s="45"/>
      <c r="G69" s="74"/>
      <c r="H69" s="31"/>
      <c r="I69" s="24"/>
      <c r="J69" s="24"/>
      <c r="K69" s="25"/>
    </row>
    <row r="70" spans="2:11" ht="17.399999999999999" customHeight="1">
      <c r="B70" s="15"/>
      <c r="C70" s="15"/>
      <c r="D70" s="15"/>
      <c r="E70" s="45" t="s">
        <v>74</v>
      </c>
      <c r="F70" s="45"/>
      <c r="G70" s="73"/>
      <c r="H70" s="31"/>
      <c r="I70" s="24"/>
      <c r="J70" s="24"/>
      <c r="K70" s="25"/>
    </row>
    <row r="71" spans="2:11" ht="17.399999999999999" customHeight="1">
      <c r="B71" s="15"/>
      <c r="C71" s="15"/>
      <c r="D71" s="15"/>
      <c r="E71" s="49" t="s">
        <v>75</v>
      </c>
      <c r="F71" s="49"/>
      <c r="G71" s="73"/>
      <c r="H71" s="51"/>
      <c r="I71" s="52"/>
      <c r="J71" s="52"/>
      <c r="K71" s="25"/>
    </row>
    <row r="72" spans="2:11" ht="17.399999999999999" customHeight="1">
      <c r="B72" s="15"/>
      <c r="C72" s="15"/>
      <c r="D72" s="15"/>
      <c r="E72" s="45" t="s">
        <v>76</v>
      </c>
      <c r="F72" s="45"/>
      <c r="G72" s="74"/>
      <c r="H72" s="31"/>
      <c r="I72" s="24"/>
      <c r="J72" s="24"/>
      <c r="K72" s="25"/>
    </row>
    <row r="73" spans="2:11" ht="17.399999999999999" customHeight="1">
      <c r="B73" s="34"/>
      <c r="C73" s="34"/>
      <c r="D73" s="34"/>
      <c r="E73" s="20" t="s">
        <v>77</v>
      </c>
      <c r="F73" s="20"/>
      <c r="G73" s="30"/>
      <c r="H73" s="31"/>
      <c r="I73" s="24"/>
      <c r="J73" s="24"/>
      <c r="K73" s="25"/>
    </row>
    <row r="74" spans="2:11" ht="17.399999999999999" customHeight="1">
      <c r="B74" s="32" t="s">
        <v>62</v>
      </c>
      <c r="C74" s="32" t="s">
        <v>63</v>
      </c>
      <c r="D74" s="32"/>
      <c r="E74" s="20" t="s">
        <v>46</v>
      </c>
      <c r="F74" s="20"/>
      <c r="G74" s="30"/>
      <c r="H74" s="31"/>
      <c r="I74" s="24"/>
      <c r="J74" s="24"/>
      <c r="K74" s="25"/>
    </row>
    <row r="75" spans="2:11" ht="17.399999999999999" customHeight="1">
      <c r="B75" s="34"/>
      <c r="C75" s="34"/>
      <c r="D75" s="34"/>
      <c r="E75" s="20" t="s">
        <v>47</v>
      </c>
      <c r="F75" s="20"/>
      <c r="G75" s="30"/>
      <c r="H75" s="31"/>
      <c r="I75" s="24"/>
      <c r="J75" s="24"/>
      <c r="K75" s="25"/>
    </row>
    <row r="76" spans="2:11" ht="17.399999999999999" customHeight="1">
      <c r="B76" s="15"/>
      <c r="C76" s="15"/>
      <c r="D76" s="15"/>
      <c r="E76" s="45" t="s">
        <v>50</v>
      </c>
      <c r="F76" s="45"/>
      <c r="G76" s="74"/>
      <c r="H76" s="31"/>
      <c r="I76" s="24"/>
      <c r="J76" s="24"/>
      <c r="K76" s="25"/>
    </row>
    <row r="77" spans="2:11" ht="17.399999999999999" customHeight="1">
      <c r="B77" s="15"/>
      <c r="C77" s="15"/>
      <c r="D77" s="15"/>
      <c r="E77" s="20" t="s">
        <v>48</v>
      </c>
      <c r="F77" s="20"/>
      <c r="G77" s="30"/>
      <c r="H77" s="31"/>
      <c r="I77" s="24"/>
      <c r="J77" s="24"/>
      <c r="K77" s="25"/>
    </row>
    <row r="78" spans="2:11" ht="17.399999999999999" customHeight="1">
      <c r="B78" s="15"/>
      <c r="C78" s="15"/>
      <c r="D78" s="15"/>
      <c r="E78" s="45" t="s">
        <v>49</v>
      </c>
      <c r="F78" s="45"/>
      <c r="G78" s="74"/>
      <c r="H78" s="31"/>
      <c r="I78" s="24"/>
      <c r="J78" s="24"/>
      <c r="K78" s="25"/>
    </row>
    <row r="79" spans="2:11" ht="17.399999999999999" customHeight="1">
      <c r="B79" s="15"/>
      <c r="C79" s="32" t="s">
        <v>64</v>
      </c>
      <c r="D79" s="32"/>
      <c r="E79" s="45" t="s">
        <v>46</v>
      </c>
      <c r="F79" s="45"/>
      <c r="G79" s="74"/>
      <c r="H79" s="31"/>
      <c r="I79" s="24"/>
      <c r="J79" s="24"/>
      <c r="K79" s="25"/>
    </row>
    <row r="80" spans="2:11" ht="17.399999999999999" customHeight="1">
      <c r="B80" s="15"/>
      <c r="C80" s="15"/>
      <c r="D80" s="15"/>
      <c r="E80" s="45" t="s">
        <v>47</v>
      </c>
      <c r="F80" s="45"/>
      <c r="G80" s="74"/>
      <c r="H80" s="31"/>
      <c r="I80" s="24"/>
      <c r="J80" s="24"/>
      <c r="K80" s="25"/>
    </row>
    <row r="81" spans="2:11" ht="17.399999999999999" customHeight="1">
      <c r="B81" s="15"/>
      <c r="C81" s="15"/>
      <c r="D81" s="15"/>
      <c r="E81" s="53" t="s">
        <v>50</v>
      </c>
      <c r="F81" s="53"/>
      <c r="G81" s="75"/>
      <c r="H81" s="55"/>
      <c r="I81" s="56"/>
      <c r="J81" s="56"/>
      <c r="K81" s="25"/>
    </row>
    <row r="82" spans="2:11" ht="17.399999999999999" customHeight="1">
      <c r="B82" s="15"/>
      <c r="C82" s="32" t="s">
        <v>65</v>
      </c>
      <c r="D82" s="32"/>
      <c r="E82" s="45" t="s">
        <v>78</v>
      </c>
      <c r="F82" s="45"/>
      <c r="G82" s="74"/>
      <c r="H82" s="31"/>
      <c r="I82" s="24"/>
      <c r="J82" s="24"/>
      <c r="K82" s="25"/>
    </row>
    <row r="83" spans="2:11" ht="17.399999999999999" customHeight="1">
      <c r="B83" s="15"/>
      <c r="C83" s="15"/>
      <c r="D83" s="15"/>
      <c r="E83" s="45" t="s">
        <v>79</v>
      </c>
      <c r="F83" s="45"/>
      <c r="G83" s="74"/>
      <c r="H83" s="31"/>
      <c r="I83" s="24"/>
      <c r="J83" s="24"/>
      <c r="K83" s="25"/>
    </row>
    <row r="84" spans="2:11" ht="17.399999999999999" customHeight="1">
      <c r="B84" s="15"/>
      <c r="C84" s="32" t="s">
        <v>66</v>
      </c>
      <c r="D84" s="32"/>
      <c r="E84" s="53" t="s">
        <v>41</v>
      </c>
      <c r="F84" s="53"/>
      <c r="G84" s="75"/>
      <c r="H84" s="55"/>
      <c r="I84" s="56"/>
      <c r="J84" s="56"/>
      <c r="K84" s="25"/>
    </row>
    <row r="85" spans="2:11" ht="17.399999999999999" customHeight="1">
      <c r="B85" s="15"/>
      <c r="C85" s="15"/>
      <c r="D85" s="15"/>
      <c r="E85" s="68" t="s">
        <v>60</v>
      </c>
      <c r="F85" s="68"/>
      <c r="G85" s="76"/>
      <c r="H85" s="77"/>
      <c r="I85" s="78"/>
      <c r="J85" s="78"/>
      <c r="K85" s="25"/>
    </row>
    <row r="86" spans="2:11" ht="17.399999999999999" customHeight="1">
      <c r="B86" s="15"/>
      <c r="C86" s="15"/>
      <c r="D86" s="15"/>
      <c r="E86" s="49" t="s">
        <v>80</v>
      </c>
      <c r="F86" s="49"/>
      <c r="G86" s="73"/>
      <c r="H86" s="51"/>
      <c r="I86" s="52"/>
      <c r="J86" s="52"/>
      <c r="K86" s="25"/>
    </row>
    <row r="87" spans="2:11" ht="17.399999999999999" customHeight="1">
      <c r="B87" s="15"/>
      <c r="C87" s="15"/>
      <c r="D87" s="15"/>
      <c r="E87" s="49" t="s">
        <v>81</v>
      </c>
      <c r="F87" s="49"/>
      <c r="G87" s="73"/>
      <c r="H87" s="51"/>
      <c r="I87" s="52"/>
      <c r="J87" s="52"/>
      <c r="K87" s="25"/>
    </row>
    <row r="88" spans="2:11" ht="17.399999999999999" customHeight="1">
      <c r="B88" s="15"/>
      <c r="C88" s="15"/>
      <c r="D88" s="15"/>
      <c r="E88" s="49" t="s">
        <v>82</v>
      </c>
      <c r="F88" s="49"/>
      <c r="G88" s="73"/>
      <c r="H88" s="51"/>
      <c r="I88" s="52"/>
      <c r="J88" s="52"/>
      <c r="K88" s="25"/>
    </row>
    <row r="89" spans="2:11" ht="17.399999999999999" customHeight="1">
      <c r="B89" s="15"/>
      <c r="C89" s="15"/>
      <c r="D89" s="15"/>
      <c r="E89" s="49" t="s">
        <v>83</v>
      </c>
      <c r="F89" s="58"/>
      <c r="G89" s="79"/>
      <c r="H89" s="61"/>
      <c r="I89" s="62"/>
      <c r="J89" s="62"/>
      <c r="K89" s="19"/>
    </row>
    <row r="90" spans="2:11" ht="17.399999999999999" customHeight="1">
      <c r="B90" s="15"/>
      <c r="C90" s="15"/>
      <c r="D90" s="15"/>
      <c r="E90" s="49" t="s">
        <v>84</v>
      </c>
      <c r="F90" s="49"/>
      <c r="G90" s="73"/>
      <c r="H90" s="51"/>
      <c r="I90" s="52"/>
      <c r="J90" s="52"/>
      <c r="K90" s="25"/>
    </row>
    <row r="91" spans="2:11" ht="17.399999999999999" customHeight="1">
      <c r="B91" s="15"/>
      <c r="C91" s="15"/>
      <c r="D91" s="15"/>
      <c r="E91" s="49" t="s">
        <v>85</v>
      </c>
      <c r="F91" s="49"/>
      <c r="G91" s="73"/>
      <c r="H91" s="51"/>
      <c r="I91" s="52"/>
      <c r="J91" s="52"/>
      <c r="K91" s="25"/>
    </row>
    <row r="92" spans="2:11" ht="17.399999999999999" customHeight="1">
      <c r="B92" s="15"/>
      <c r="C92" s="15"/>
      <c r="D92" s="15"/>
      <c r="E92" s="49" t="s">
        <v>86</v>
      </c>
      <c r="F92" s="49"/>
      <c r="G92" s="73"/>
      <c r="H92" s="51"/>
      <c r="I92" s="52"/>
      <c r="J92" s="52"/>
      <c r="K92" s="25"/>
    </row>
    <row r="93" spans="2:11" ht="17.399999999999999" customHeight="1">
      <c r="B93" s="15"/>
      <c r="C93" s="15"/>
      <c r="D93" s="15"/>
      <c r="E93" s="49" t="s">
        <v>87</v>
      </c>
      <c r="F93" s="49"/>
      <c r="G93" s="73"/>
      <c r="H93" s="51"/>
      <c r="I93" s="52"/>
      <c r="J93" s="52"/>
      <c r="K93" s="25"/>
    </row>
    <row r="94" spans="2:11" ht="17.399999999999999" customHeight="1">
      <c r="B94" s="35" t="s">
        <v>67</v>
      </c>
      <c r="C94" s="32" t="s">
        <v>68</v>
      </c>
      <c r="D94" s="32"/>
      <c r="E94" s="49" t="s">
        <v>88</v>
      </c>
      <c r="F94" s="49"/>
      <c r="G94" s="73"/>
      <c r="H94" s="51"/>
      <c r="I94" s="52"/>
      <c r="J94" s="52"/>
      <c r="K94" s="25"/>
    </row>
    <row r="95" spans="2:11" ht="17.399999999999999" customHeight="1">
      <c r="B95" s="33"/>
      <c r="C95" s="36"/>
      <c r="D95" s="36"/>
      <c r="E95" s="49" t="s">
        <v>89</v>
      </c>
      <c r="F95" s="49"/>
      <c r="G95" s="73"/>
      <c r="H95" s="51"/>
      <c r="I95" s="52"/>
      <c r="J95" s="52"/>
      <c r="K95" s="25"/>
    </row>
    <row r="96" spans="2:11" ht="17.399999999999999" customHeight="1">
      <c r="B96" s="28" t="s">
        <v>156</v>
      </c>
      <c r="C96" s="29"/>
      <c r="D96" s="29"/>
      <c r="E96" s="50"/>
      <c r="F96" s="50"/>
      <c r="G96" s="75"/>
      <c r="H96" s="75"/>
      <c r="I96" s="56"/>
      <c r="J96" s="55"/>
      <c r="K96" s="45"/>
    </row>
    <row r="97" spans="1:11" ht="17.399999999999999" customHeight="1">
      <c r="B97" s="12"/>
      <c r="C97" s="12"/>
      <c r="D97" s="12"/>
      <c r="E97" s="12"/>
      <c r="F97" s="12"/>
      <c r="G97" s="72"/>
      <c r="H97" s="72"/>
      <c r="I97" s="72"/>
      <c r="J97" s="72"/>
      <c r="K97" s="71"/>
    </row>
    <row r="98" spans="1:11" ht="19.95" customHeight="1">
      <c r="A98" s="7" t="s">
        <v>90</v>
      </c>
      <c r="B98" s="12"/>
      <c r="C98" s="12"/>
      <c r="D98" s="12"/>
      <c r="E98" s="12"/>
      <c r="F98" s="12"/>
      <c r="G98" s="72"/>
      <c r="H98" s="72"/>
      <c r="I98" s="72"/>
      <c r="J98" s="72"/>
      <c r="K98" s="71"/>
    </row>
    <row r="99" spans="1:11" ht="17.399999999999999" customHeight="1">
      <c r="B99" s="96" t="s">
        <v>0</v>
      </c>
      <c r="C99" s="97"/>
      <c r="D99" s="90"/>
      <c r="E99" s="1" t="s">
        <v>4</v>
      </c>
      <c r="F99" s="8" t="s">
        <v>6</v>
      </c>
      <c r="G99" s="1" t="s">
        <v>1</v>
      </c>
      <c r="H99" s="1" t="s">
        <v>3</v>
      </c>
      <c r="I99" s="6" t="s">
        <v>7</v>
      </c>
      <c r="J99" s="6" t="s">
        <v>8</v>
      </c>
      <c r="K99" s="6" t="s">
        <v>2</v>
      </c>
    </row>
    <row r="100" spans="1:11" ht="17.399999999999999" customHeight="1">
      <c r="B100" s="89" t="s">
        <v>91</v>
      </c>
      <c r="C100" s="89" t="s">
        <v>91</v>
      </c>
      <c r="D100" s="91" t="s">
        <v>133</v>
      </c>
      <c r="E100" s="88" t="s">
        <v>93</v>
      </c>
      <c r="F100" s="31"/>
      <c r="G100" s="31"/>
      <c r="H100" s="31"/>
      <c r="I100" s="24"/>
      <c r="J100" s="24"/>
      <c r="K100" s="24"/>
    </row>
    <row r="101" spans="1:11" ht="17.399999999999999" customHeight="1">
      <c r="B101" s="34"/>
      <c r="C101" s="16"/>
      <c r="D101" s="34"/>
      <c r="E101" s="49" t="s">
        <v>94</v>
      </c>
      <c r="F101" s="59"/>
      <c r="G101" s="63"/>
      <c r="H101" s="63"/>
      <c r="I101" s="64"/>
      <c r="J101" s="64"/>
      <c r="K101" s="43"/>
    </row>
    <row r="102" spans="1:11" ht="17.399999999999999" customHeight="1">
      <c r="B102" s="34"/>
      <c r="C102" s="15"/>
      <c r="D102" s="34"/>
      <c r="E102" s="49" t="s">
        <v>95</v>
      </c>
      <c r="F102" s="49"/>
      <c r="G102" s="51"/>
      <c r="H102" s="51"/>
      <c r="I102" s="52"/>
      <c r="J102" s="52"/>
      <c r="K102" s="25"/>
    </row>
    <row r="103" spans="1:11" ht="17.399999999999999" customHeight="1">
      <c r="B103" s="34"/>
      <c r="C103" s="15"/>
      <c r="D103" s="34"/>
      <c r="E103" s="49" t="s">
        <v>96</v>
      </c>
      <c r="F103" s="49"/>
      <c r="G103" s="51"/>
      <c r="H103" s="51"/>
      <c r="I103" s="52"/>
      <c r="J103" s="52"/>
      <c r="K103" s="25"/>
    </row>
    <row r="104" spans="1:11" ht="17.399999999999999" customHeight="1">
      <c r="B104" s="34"/>
      <c r="C104" s="15"/>
      <c r="D104" s="34"/>
      <c r="E104" s="49" t="s">
        <v>97</v>
      </c>
      <c r="F104" s="49"/>
      <c r="G104" s="51"/>
      <c r="H104" s="51"/>
      <c r="I104" s="52"/>
      <c r="J104" s="52"/>
      <c r="K104" s="25"/>
    </row>
    <row r="105" spans="1:11" ht="17.399999999999999" customHeight="1">
      <c r="B105" s="34"/>
      <c r="C105" s="15"/>
      <c r="D105" s="34"/>
      <c r="E105" s="49" t="s">
        <v>98</v>
      </c>
      <c r="F105" s="49"/>
      <c r="G105" s="51"/>
      <c r="H105" s="51"/>
      <c r="I105" s="52"/>
      <c r="J105" s="52"/>
      <c r="K105" s="25"/>
    </row>
    <row r="106" spans="1:11" ht="17.399999999999999" customHeight="1">
      <c r="B106" s="34"/>
      <c r="C106" s="16"/>
      <c r="D106" s="34"/>
      <c r="E106" s="49" t="s">
        <v>99</v>
      </c>
      <c r="F106" s="65"/>
      <c r="G106" s="66"/>
      <c r="H106" s="66"/>
      <c r="I106" s="67"/>
      <c r="J106" s="67"/>
      <c r="K106" s="38"/>
    </row>
    <row r="107" spans="1:11" ht="17.399999999999999" customHeight="1">
      <c r="B107" s="34"/>
      <c r="C107" s="15"/>
      <c r="D107" s="34" t="s">
        <v>134</v>
      </c>
      <c r="E107" s="49" t="s">
        <v>100</v>
      </c>
      <c r="F107" s="49"/>
      <c r="G107" s="73"/>
      <c r="H107" s="51"/>
      <c r="I107" s="52"/>
      <c r="J107" s="52"/>
      <c r="K107" s="25"/>
    </row>
    <row r="108" spans="1:11" ht="17.399999999999999" customHeight="1">
      <c r="B108" s="34"/>
      <c r="C108" s="16"/>
      <c r="D108" s="34"/>
      <c r="E108" s="20" t="s">
        <v>101</v>
      </c>
      <c r="F108" s="32"/>
      <c r="G108" s="41"/>
      <c r="H108" s="41"/>
      <c r="I108" s="42"/>
      <c r="J108" s="42"/>
      <c r="K108" s="43"/>
    </row>
    <row r="109" spans="1:11" ht="17.399999999999999" customHeight="1">
      <c r="B109" s="34"/>
      <c r="C109" s="15"/>
      <c r="D109" s="34"/>
      <c r="E109" s="20" t="s">
        <v>102</v>
      </c>
      <c r="F109" s="20"/>
      <c r="G109" s="31"/>
      <c r="H109" s="31"/>
      <c r="I109" s="24"/>
      <c r="J109" s="24"/>
      <c r="K109" s="25"/>
    </row>
    <row r="110" spans="1:11" ht="17.399999999999999" customHeight="1">
      <c r="B110" s="34"/>
      <c r="C110" s="15"/>
      <c r="D110" s="34" t="s">
        <v>135</v>
      </c>
      <c r="E110" s="20" t="s">
        <v>46</v>
      </c>
      <c r="F110" s="20"/>
      <c r="G110" s="31"/>
      <c r="H110" s="31"/>
      <c r="I110" s="24"/>
      <c r="J110" s="24"/>
      <c r="K110" s="25"/>
    </row>
    <row r="111" spans="1:11" ht="17.399999999999999" customHeight="1">
      <c r="B111" s="34"/>
      <c r="C111" s="15"/>
      <c r="D111" s="34" t="s">
        <v>136</v>
      </c>
      <c r="E111" s="20" t="s">
        <v>47</v>
      </c>
      <c r="F111" s="20"/>
      <c r="G111" s="20"/>
      <c r="H111" s="31"/>
      <c r="I111" s="24"/>
      <c r="J111" s="24"/>
      <c r="K111" s="25"/>
    </row>
    <row r="112" spans="1:11" ht="17.399999999999999" customHeight="1">
      <c r="B112" s="34"/>
      <c r="C112" s="16"/>
      <c r="D112" s="34"/>
      <c r="E112" s="20" t="s">
        <v>145</v>
      </c>
      <c r="F112" s="36"/>
      <c r="G112" s="36"/>
      <c r="H112" s="22"/>
      <c r="I112" s="23"/>
      <c r="J112" s="23"/>
      <c r="K112" s="38"/>
    </row>
    <row r="113" spans="2:16" ht="17.399999999999999" customHeight="1">
      <c r="B113" s="34"/>
      <c r="C113" s="16"/>
      <c r="D113" s="34" t="s">
        <v>137</v>
      </c>
      <c r="E113" s="20" t="s">
        <v>46</v>
      </c>
      <c r="F113" s="36"/>
      <c r="G113" s="36"/>
      <c r="H113" s="22"/>
      <c r="I113" s="23"/>
      <c r="J113" s="23"/>
      <c r="K113" s="38"/>
    </row>
    <row r="114" spans="2:16" ht="17.399999999999999" customHeight="1">
      <c r="B114" s="34"/>
      <c r="C114" s="15"/>
      <c r="D114" s="34"/>
      <c r="E114" s="21" t="s">
        <v>47</v>
      </c>
      <c r="F114" s="11"/>
      <c r="G114" s="22"/>
      <c r="H114" s="22"/>
      <c r="I114" s="23"/>
      <c r="J114" s="23"/>
      <c r="K114" s="38"/>
    </row>
    <row r="115" spans="2:16" ht="17.399999999999999" customHeight="1">
      <c r="B115" s="34"/>
      <c r="C115" s="15"/>
      <c r="D115" s="34"/>
      <c r="E115" s="81" t="s">
        <v>103</v>
      </c>
      <c r="F115" s="81"/>
      <c r="G115" s="82"/>
      <c r="H115" s="83"/>
      <c r="I115" s="84"/>
      <c r="J115" s="84"/>
      <c r="K115" s="19"/>
    </row>
    <row r="116" spans="2:16" ht="17.399999999999999" customHeight="1">
      <c r="B116" s="34"/>
      <c r="C116" s="15"/>
      <c r="D116" s="34"/>
      <c r="E116" s="81" t="s">
        <v>103</v>
      </c>
      <c r="F116" s="81"/>
      <c r="G116" s="82"/>
      <c r="H116" s="83"/>
      <c r="I116" s="83"/>
      <c r="J116" s="83"/>
      <c r="K116" s="45"/>
      <c r="L116" s="10"/>
      <c r="M116" s="10"/>
      <c r="N116" s="10"/>
      <c r="O116" s="10"/>
      <c r="P116" s="10"/>
    </row>
    <row r="117" spans="2:16" ht="17.399999999999999" customHeight="1">
      <c r="B117" s="34"/>
      <c r="C117" s="15"/>
      <c r="D117" s="34" t="s">
        <v>138</v>
      </c>
      <c r="E117" s="81" t="s">
        <v>104</v>
      </c>
      <c r="F117" s="81"/>
      <c r="G117" s="82"/>
      <c r="H117" s="83"/>
      <c r="I117" s="83"/>
      <c r="J117" s="83"/>
      <c r="K117" s="45"/>
      <c r="L117" s="10"/>
      <c r="M117" s="2"/>
      <c r="N117" s="3"/>
      <c r="O117" s="4"/>
      <c r="P117" s="10"/>
    </row>
    <row r="118" spans="2:16" ht="17.399999999999999" customHeight="1">
      <c r="B118" s="34"/>
      <c r="C118" s="15"/>
      <c r="D118" s="34"/>
      <c r="E118" s="81" t="s">
        <v>105</v>
      </c>
      <c r="F118" s="81"/>
      <c r="G118" s="82"/>
      <c r="H118" s="83"/>
      <c r="I118" s="83"/>
      <c r="J118" s="83"/>
      <c r="K118" s="45"/>
      <c r="L118" s="5"/>
      <c r="M118" s="10"/>
      <c r="N118" s="10"/>
      <c r="O118" s="10"/>
      <c r="P118" s="10"/>
    </row>
    <row r="119" spans="2:16" ht="17.399999999999999" customHeight="1">
      <c r="B119" s="34"/>
      <c r="C119" s="15"/>
      <c r="D119" s="34" t="s">
        <v>139</v>
      </c>
      <c r="E119" s="81" t="s">
        <v>47</v>
      </c>
      <c r="F119" s="81"/>
      <c r="G119" s="82"/>
      <c r="H119" s="83"/>
      <c r="I119" s="83"/>
      <c r="J119" s="85"/>
      <c r="K119" s="25"/>
      <c r="L119" s="5"/>
      <c r="M119" s="10"/>
      <c r="N119" s="10"/>
      <c r="O119" s="10"/>
      <c r="P119" s="10"/>
    </row>
    <row r="120" spans="2:16" ht="17.399999999999999" customHeight="1">
      <c r="B120" s="34"/>
      <c r="C120" s="15"/>
      <c r="D120" s="34" t="s">
        <v>140</v>
      </c>
      <c r="E120" s="21" t="s">
        <v>106</v>
      </c>
      <c r="F120" s="11"/>
      <c r="G120" s="22"/>
      <c r="H120" s="22"/>
      <c r="I120" s="23"/>
      <c r="J120" s="23"/>
      <c r="K120" s="38"/>
    </row>
    <row r="121" spans="2:16" ht="17.399999999999999" customHeight="1">
      <c r="B121" s="34"/>
      <c r="C121" s="16"/>
      <c r="D121" s="34"/>
      <c r="E121" s="20" t="s">
        <v>107</v>
      </c>
      <c r="F121" s="32"/>
      <c r="G121" s="32"/>
      <c r="H121" s="41"/>
      <c r="I121" s="42"/>
      <c r="J121" s="42"/>
      <c r="K121" s="43"/>
    </row>
    <row r="122" spans="2:16" ht="17.399999999999999" customHeight="1">
      <c r="B122" s="34"/>
      <c r="C122" s="16"/>
      <c r="D122" s="34"/>
      <c r="E122" s="45" t="s">
        <v>108</v>
      </c>
      <c r="F122" s="57"/>
      <c r="G122" s="86"/>
      <c r="H122" s="22"/>
      <c r="I122" s="23"/>
      <c r="J122" s="23"/>
      <c r="K122" s="38"/>
    </row>
    <row r="123" spans="2:16" ht="17.399999999999999" customHeight="1">
      <c r="B123" s="34"/>
      <c r="C123" s="15"/>
      <c r="D123" s="34"/>
      <c r="E123" s="45" t="s">
        <v>11</v>
      </c>
      <c r="F123" s="45"/>
      <c r="G123" s="31"/>
      <c r="H123" s="31"/>
      <c r="I123" s="24"/>
      <c r="J123" s="24"/>
      <c r="K123" s="25"/>
    </row>
    <row r="124" spans="2:16" ht="17.399999999999999" customHeight="1">
      <c r="B124" s="32" t="s">
        <v>92</v>
      </c>
      <c r="C124" s="40" t="s">
        <v>92</v>
      </c>
      <c r="D124" s="32"/>
      <c r="E124" s="45" t="s">
        <v>109</v>
      </c>
      <c r="F124" s="57"/>
      <c r="G124" s="22"/>
      <c r="H124" s="22"/>
      <c r="I124" s="23"/>
      <c r="J124" s="23"/>
      <c r="K124" s="38"/>
    </row>
    <row r="125" spans="2:16" ht="17.399999999999999" customHeight="1">
      <c r="B125" s="34"/>
      <c r="C125" s="16"/>
      <c r="D125" s="34" t="s">
        <v>141</v>
      </c>
      <c r="E125" s="45" t="s">
        <v>110</v>
      </c>
      <c r="F125" s="45"/>
      <c r="G125" s="31"/>
      <c r="H125" s="31"/>
      <c r="I125" s="24"/>
      <c r="J125" s="24"/>
      <c r="K125" s="25"/>
    </row>
    <row r="126" spans="2:16" ht="17.399999999999999" customHeight="1">
      <c r="B126" s="34"/>
      <c r="C126" s="15"/>
      <c r="D126" s="34" t="s">
        <v>140</v>
      </c>
      <c r="E126" s="45" t="s">
        <v>111</v>
      </c>
      <c r="F126" s="47"/>
      <c r="G126" s="17"/>
      <c r="H126" s="31"/>
      <c r="I126" s="18"/>
      <c r="J126" s="18"/>
      <c r="K126" s="19"/>
    </row>
    <row r="127" spans="2:16" ht="17.399999999999999" customHeight="1">
      <c r="B127" s="36"/>
      <c r="C127" s="33"/>
      <c r="D127" s="36"/>
      <c r="E127" s="45" t="s">
        <v>11</v>
      </c>
      <c r="F127" s="45"/>
      <c r="G127" s="31"/>
      <c r="H127" s="31"/>
      <c r="I127" s="24"/>
      <c r="J127" s="24"/>
      <c r="K127" s="25"/>
    </row>
    <row r="128" spans="2:16" ht="17.399999999999999" customHeight="1">
      <c r="B128" s="28" t="s">
        <v>156</v>
      </c>
      <c r="C128" s="29"/>
      <c r="D128" s="29"/>
      <c r="E128" s="50"/>
      <c r="F128" s="50"/>
      <c r="G128" s="75"/>
      <c r="H128" s="75"/>
      <c r="I128" s="56"/>
      <c r="J128" s="55"/>
      <c r="K128" s="45"/>
    </row>
    <row r="129" spans="1:11" ht="17.399999999999999" customHeight="1">
      <c r="B129" s="16"/>
      <c r="C129" s="16"/>
      <c r="D129" s="16"/>
      <c r="E129" s="16"/>
      <c r="F129" s="16"/>
      <c r="G129" s="26"/>
      <c r="H129" s="26"/>
      <c r="I129" s="26"/>
      <c r="J129" s="26"/>
      <c r="K129" s="27"/>
    </row>
    <row r="130" spans="1:11" ht="17.399999999999999" customHeight="1">
      <c r="A130" s="7" t="s">
        <v>112</v>
      </c>
      <c r="B130" s="12"/>
      <c r="C130" s="12"/>
      <c r="D130" s="12"/>
      <c r="E130" s="12"/>
      <c r="F130" s="12"/>
      <c r="G130" s="72"/>
      <c r="H130" s="72"/>
      <c r="I130" s="72"/>
      <c r="J130" s="72"/>
      <c r="K130" s="71"/>
    </row>
    <row r="131" spans="1:11" ht="17.399999999999999" customHeight="1">
      <c r="B131" s="96" t="s">
        <v>0</v>
      </c>
      <c r="C131" s="97"/>
      <c r="D131" s="90"/>
      <c r="E131" s="1" t="s">
        <v>4</v>
      </c>
      <c r="F131" s="8" t="s">
        <v>6</v>
      </c>
      <c r="G131" s="1" t="s">
        <v>1</v>
      </c>
      <c r="H131" s="1" t="s">
        <v>3</v>
      </c>
      <c r="I131" s="6" t="s">
        <v>7</v>
      </c>
      <c r="J131" s="6" t="s">
        <v>8</v>
      </c>
      <c r="K131" s="6" t="s">
        <v>2</v>
      </c>
    </row>
    <row r="132" spans="1:11" ht="17.399999999999999" customHeight="1">
      <c r="B132" s="89" t="s">
        <v>113</v>
      </c>
      <c r="C132" s="89"/>
      <c r="D132" s="91"/>
      <c r="E132" s="92" t="s">
        <v>114</v>
      </c>
      <c r="F132" s="31"/>
      <c r="G132" s="31"/>
      <c r="H132" s="31"/>
      <c r="I132" s="24"/>
      <c r="J132" s="24"/>
      <c r="K132" s="24"/>
    </row>
    <row r="133" spans="1:11" ht="17.399999999999999" customHeight="1">
      <c r="B133" s="36"/>
      <c r="C133" s="37"/>
      <c r="D133" s="36"/>
      <c r="E133" s="60" t="s">
        <v>115</v>
      </c>
      <c r="F133" s="59"/>
      <c r="G133" s="63"/>
      <c r="H133" s="63"/>
      <c r="I133" s="64"/>
      <c r="J133" s="64"/>
      <c r="K133" s="43"/>
    </row>
    <row r="134" spans="1:11" ht="17.399999999999999" customHeight="1">
      <c r="B134" s="34" t="s">
        <v>117</v>
      </c>
      <c r="C134" s="15"/>
      <c r="D134" s="32"/>
      <c r="E134" s="80" t="s">
        <v>116</v>
      </c>
      <c r="F134" s="49"/>
      <c r="G134" s="51"/>
      <c r="H134" s="51"/>
      <c r="I134" s="52"/>
      <c r="J134" s="52"/>
      <c r="K134" s="25"/>
    </row>
    <row r="135" spans="1:11" ht="17.399999999999999" customHeight="1">
      <c r="B135" s="36"/>
      <c r="C135" s="36"/>
      <c r="D135" s="36"/>
      <c r="E135" s="80" t="s">
        <v>47</v>
      </c>
      <c r="F135" s="49"/>
      <c r="G135" s="51"/>
      <c r="H135" s="51"/>
      <c r="I135" s="52"/>
      <c r="J135" s="52"/>
      <c r="K135" s="25"/>
    </row>
    <row r="136" spans="1:11" ht="17.399999999999999" customHeight="1">
      <c r="B136" s="28" t="s">
        <v>156</v>
      </c>
      <c r="C136" s="29"/>
      <c r="D136" s="29"/>
      <c r="E136" s="50"/>
      <c r="F136" s="50"/>
      <c r="G136" s="75"/>
      <c r="H136" s="75"/>
      <c r="I136" s="56"/>
      <c r="J136" s="55"/>
      <c r="K136" s="45"/>
    </row>
    <row r="137" spans="1:11" ht="17.399999999999999" customHeight="1">
      <c r="B137" s="29"/>
      <c r="C137" s="16"/>
      <c r="D137" s="16"/>
      <c r="E137" s="50"/>
      <c r="F137" s="50"/>
      <c r="G137" s="73"/>
      <c r="H137" s="73"/>
      <c r="I137" s="73"/>
      <c r="J137" s="52"/>
      <c r="K137" s="25"/>
    </row>
    <row r="138" spans="1:11" ht="17.399999999999999" customHeight="1">
      <c r="B138" s="28" t="s">
        <v>12</v>
      </c>
      <c r="C138" s="29"/>
      <c r="D138" s="29"/>
      <c r="E138" s="29"/>
      <c r="F138" s="29"/>
      <c r="G138" s="30"/>
      <c r="H138" s="30"/>
      <c r="I138" s="30"/>
      <c r="J138" s="31"/>
      <c r="K138" s="25"/>
    </row>
    <row r="140" spans="1:11" ht="17.399999999999999" customHeight="1">
      <c r="B140" s="7" t="s">
        <v>5</v>
      </c>
    </row>
    <row r="141" spans="1:11" ht="17.399999999999999" customHeight="1">
      <c r="B141" s="7" t="s">
        <v>10</v>
      </c>
    </row>
    <row r="142" spans="1:11" ht="17.399999999999999" customHeight="1">
      <c r="B142" s="7" t="s">
        <v>13</v>
      </c>
    </row>
  </sheetData>
  <mergeCells count="4">
    <mergeCell ref="B4:C4"/>
    <mergeCell ref="B59:C59"/>
    <mergeCell ref="B99:C99"/>
    <mergeCell ref="B131:C131"/>
  </mergeCells>
  <phoneticPr fontId="1"/>
  <pageMargins left="0.59055118110236227" right="0.59055118110236227" top="0.51181102362204722" bottom="0.39370078740157483" header="0.55118110236220474" footer="0.19685039370078741"/>
  <pageSetup paperSize="8" scale="78" fitToHeight="0" orientation="landscape" cellComments="asDisplayed" r:id="rId1"/>
  <headerFooter>
    <oddFooter xml:space="preserve">&amp;C&amp;P / &amp;N </oddFooter>
  </headerFooter>
  <rowBreaks count="1" manualBreakCount="1">
    <brk id="97" max="10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9"/>
  <sheetViews>
    <sheetView view="pageBreakPreview" zoomScale="60" zoomScaleNormal="100" zoomScalePageLayoutView="83" workbookViewId="0">
      <selection activeCell="E54" sqref="E54"/>
    </sheetView>
  </sheetViews>
  <sheetFormatPr defaultColWidth="8.59765625" defaultRowHeight="17.399999999999999" customHeight="1"/>
  <cols>
    <col min="1" max="1" width="1.3984375" style="7" customWidth="1"/>
    <col min="2" max="2" width="26.8984375" style="7" bestFit="1" customWidth="1"/>
    <col min="3" max="3" width="26.8984375" style="7" customWidth="1"/>
    <col min="4" max="4" width="18.19921875" style="7" customWidth="1"/>
    <col min="5" max="5" width="40.59765625" style="7" bestFit="1" customWidth="1"/>
    <col min="6" max="6" width="55.3984375" style="7" customWidth="1"/>
    <col min="7" max="8" width="4.8984375" style="13" bestFit="1" customWidth="1"/>
    <col min="9" max="9" width="12.59765625" style="13" customWidth="1"/>
    <col min="10" max="10" width="15" style="13" customWidth="1"/>
    <col min="11" max="11" width="19.59765625" style="14" bestFit="1" customWidth="1"/>
    <col min="12" max="12" width="1.5" style="7" customWidth="1"/>
    <col min="13" max="16384" width="8.59765625" style="7"/>
  </cols>
  <sheetData>
    <row r="1" spans="1:11" ht="17.399999999999999" customHeight="1">
      <c r="B1" s="7" t="s">
        <v>154</v>
      </c>
      <c r="F1" s="12"/>
    </row>
    <row r="2" spans="1:11" ht="17.399999999999999" customHeight="1">
      <c r="B2" s="7" t="s">
        <v>9</v>
      </c>
      <c r="E2" s="9" t="s">
        <v>155</v>
      </c>
    </row>
    <row r="3" spans="1:11" ht="19.95" customHeight="1">
      <c r="A3" s="7" t="s">
        <v>121</v>
      </c>
    </row>
    <row r="4" spans="1:11" ht="17.399999999999999" customHeight="1">
      <c r="B4" s="96" t="s">
        <v>0</v>
      </c>
      <c r="C4" s="97"/>
      <c r="D4" s="90"/>
      <c r="E4" s="1" t="s">
        <v>4</v>
      </c>
      <c r="F4" s="8" t="s">
        <v>6</v>
      </c>
      <c r="G4" s="1" t="s">
        <v>1</v>
      </c>
      <c r="H4" s="1" t="s">
        <v>3</v>
      </c>
      <c r="I4" s="6" t="s">
        <v>7</v>
      </c>
      <c r="J4" s="6" t="s">
        <v>8</v>
      </c>
      <c r="K4" s="6" t="s">
        <v>2</v>
      </c>
    </row>
    <row r="5" spans="1:11" ht="17.399999999999999" customHeight="1">
      <c r="B5" s="32" t="s">
        <v>122</v>
      </c>
      <c r="C5" s="32" t="s">
        <v>123</v>
      </c>
      <c r="D5" s="32"/>
      <c r="E5" s="20" t="s">
        <v>126</v>
      </c>
      <c r="F5" s="29"/>
      <c r="G5" s="31"/>
      <c r="H5" s="31"/>
      <c r="I5" s="24"/>
      <c r="J5" s="24"/>
      <c r="K5" s="25"/>
    </row>
    <row r="6" spans="1:11" ht="17.399999999999999" customHeight="1">
      <c r="B6" s="15"/>
      <c r="C6" s="20" t="s">
        <v>124</v>
      </c>
      <c r="D6" s="20"/>
      <c r="E6" s="20" t="s">
        <v>126</v>
      </c>
      <c r="F6" s="29"/>
      <c r="G6" s="31"/>
      <c r="H6" s="31"/>
      <c r="I6" s="24"/>
      <c r="J6" s="24"/>
      <c r="K6" s="25"/>
    </row>
    <row r="7" spans="1:11" ht="17.399999999999999" customHeight="1">
      <c r="B7" s="33"/>
      <c r="C7" s="36" t="s">
        <v>146</v>
      </c>
      <c r="D7" s="36"/>
      <c r="E7" s="20" t="s">
        <v>126</v>
      </c>
      <c r="F7" s="29"/>
      <c r="G7" s="31"/>
      <c r="H7" s="31"/>
      <c r="I7" s="24"/>
      <c r="J7" s="24"/>
      <c r="K7" s="25"/>
    </row>
    <row r="8" spans="1:11" ht="17.399999999999999" customHeight="1">
      <c r="B8" s="15" t="s">
        <v>147</v>
      </c>
      <c r="C8" s="34" t="s">
        <v>148</v>
      </c>
      <c r="D8" s="34"/>
      <c r="E8" s="34" t="s">
        <v>50</v>
      </c>
      <c r="F8" s="16"/>
      <c r="G8" s="17"/>
      <c r="H8" s="17"/>
      <c r="I8" s="18"/>
      <c r="J8" s="18"/>
      <c r="K8" s="19"/>
    </row>
    <row r="9" spans="1:11" ht="17.399999999999999" customHeight="1">
      <c r="B9" s="20" t="s">
        <v>35</v>
      </c>
      <c r="C9" s="32" t="s">
        <v>33</v>
      </c>
      <c r="D9" s="32"/>
      <c r="E9" s="20" t="s">
        <v>59</v>
      </c>
      <c r="F9" s="29"/>
      <c r="G9" s="31"/>
      <c r="H9" s="31"/>
      <c r="I9" s="24"/>
      <c r="J9" s="24"/>
      <c r="K9" s="25"/>
    </row>
    <row r="10" spans="1:11" ht="17.399999999999999" customHeight="1">
      <c r="B10" s="15" t="s">
        <v>149</v>
      </c>
      <c r="C10" s="32" t="s">
        <v>125</v>
      </c>
      <c r="D10" s="93"/>
      <c r="E10" s="36" t="s">
        <v>150</v>
      </c>
      <c r="F10" s="37"/>
      <c r="G10" s="22"/>
      <c r="H10" s="22"/>
      <c r="I10" s="23"/>
      <c r="J10" s="23"/>
      <c r="K10" s="38"/>
    </row>
    <row r="11" spans="1:11" ht="17.399999999999999" customHeight="1">
      <c r="B11" s="15"/>
      <c r="C11" s="34"/>
      <c r="D11" s="94"/>
      <c r="E11" s="21" t="s">
        <v>151</v>
      </c>
      <c r="F11" s="39"/>
      <c r="G11" s="17"/>
      <c r="H11" s="17"/>
      <c r="I11" s="18"/>
      <c r="J11" s="18"/>
      <c r="K11" s="19"/>
    </row>
    <row r="12" spans="1:11" ht="17.399999999999999" customHeight="1">
      <c r="B12" s="15"/>
      <c r="C12" s="15"/>
      <c r="D12" s="95"/>
      <c r="E12" s="32" t="s">
        <v>152</v>
      </c>
      <c r="F12" s="40"/>
      <c r="G12" s="41"/>
      <c r="H12" s="41"/>
      <c r="I12" s="42"/>
      <c r="J12" s="42"/>
      <c r="K12" s="43"/>
    </row>
    <row r="13" spans="1:11" ht="17.399999999999999" customHeight="1">
      <c r="B13" s="33"/>
      <c r="C13" s="20" t="s">
        <v>34</v>
      </c>
      <c r="D13" s="20"/>
      <c r="E13" s="20" t="s">
        <v>60</v>
      </c>
      <c r="F13" s="29"/>
      <c r="G13" s="31"/>
      <c r="H13" s="31"/>
      <c r="I13" s="24"/>
      <c r="J13" s="24"/>
      <c r="K13" s="25"/>
    </row>
    <row r="14" spans="1:11" ht="17.399999999999999" customHeight="1">
      <c r="B14" s="29"/>
      <c r="C14" s="16"/>
      <c r="D14" s="16"/>
      <c r="E14" s="50"/>
      <c r="F14" s="50"/>
      <c r="G14" s="73"/>
      <c r="H14" s="73"/>
      <c r="I14" s="73"/>
      <c r="J14" s="73"/>
      <c r="K14" s="25"/>
    </row>
    <row r="15" spans="1:11" ht="17.399999999999999" customHeight="1">
      <c r="B15" s="28" t="s">
        <v>12</v>
      </c>
      <c r="C15" s="29"/>
      <c r="D15" s="29"/>
      <c r="E15" s="29"/>
      <c r="F15" s="29"/>
      <c r="G15" s="30"/>
      <c r="H15" s="30"/>
      <c r="I15" s="30"/>
      <c r="J15" s="31"/>
      <c r="K15" s="25"/>
    </row>
    <row r="17" spans="2:2" ht="17.399999999999999" customHeight="1">
      <c r="B17" s="7" t="s">
        <v>5</v>
      </c>
    </row>
    <row r="18" spans="2:2" ht="17.399999999999999" customHeight="1">
      <c r="B18" s="7" t="s">
        <v>10</v>
      </c>
    </row>
    <row r="19" spans="2:2" ht="17.399999999999999" customHeight="1">
      <c r="B19" s="7" t="s">
        <v>13</v>
      </c>
    </row>
  </sheetData>
  <mergeCells count="1">
    <mergeCell ref="B4:C4"/>
  </mergeCells>
  <phoneticPr fontId="1"/>
  <pageMargins left="0.59055118110236227" right="0.59055118110236227" top="0.51181102362204722" bottom="0.39370078740157483" header="0.55118110236220474" footer="0.19685039370078741"/>
  <pageSetup paperSize="8" scale="79" fitToHeight="0" orientation="landscape" cellComments="asDisplayed" r:id="rId1"/>
  <headerFooter>
    <oddFooter xml:space="preserve">&amp;C&amp;P / &amp;N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備品等リスト_（仮称）大沢野行政サービスセンター </vt:lpstr>
      <vt:lpstr>備品等リスト_（仮称）大沢野行政サービスセンター別館</vt:lpstr>
      <vt:lpstr>'備品等リスト_（仮称）大沢野行政サービスセンター '!Print_Area</vt:lpstr>
      <vt:lpstr>'備品等リスト_（仮称）大沢野行政サービスセンター別館'!Print_Area</vt:lpstr>
      <vt:lpstr>'備品等リスト_（仮称）大沢野行政サービスセンター別館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伯　友哉</dc:creator>
  <cp:lastModifiedBy>富山市</cp:lastModifiedBy>
  <cp:lastPrinted>2020-07-02T04:30:06Z</cp:lastPrinted>
  <dcterms:created xsi:type="dcterms:W3CDTF">2020-07-02T03:22:47Z</dcterms:created>
  <dcterms:modified xsi:type="dcterms:W3CDTF">2020-07-02T04:30:18Z</dcterms:modified>
</cp:coreProperties>
</file>